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wdp" ContentType="image/vnd.ms-photo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notesSlides/notesSlide1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sldIdLst>
    <p:sldId id="256" r:id="rId2"/>
    <p:sldId id="257" r:id="rId3"/>
    <p:sldId id="271" r:id="rId4"/>
    <p:sldId id="272" r:id="rId5"/>
    <p:sldId id="273" r:id="rId6"/>
    <p:sldId id="274" r:id="rId7"/>
    <p:sldId id="275" r:id="rId8"/>
    <p:sldId id="277" r:id="rId9"/>
    <p:sldId id="262" r:id="rId10"/>
    <p:sldId id="261" r:id="rId11"/>
    <p:sldId id="270" r:id="rId12"/>
    <p:sldId id="264" r:id="rId13"/>
    <p:sldId id="265" r:id="rId14"/>
    <p:sldId id="266" r:id="rId15"/>
    <p:sldId id="269" r:id="rId16"/>
    <p:sldId id="276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2D90"/>
    <a:srgbClr val="0016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104" autoAdjust="0"/>
    <p:restoredTop sz="94394" autoAdjust="0"/>
  </p:normalViewPr>
  <p:slideViewPr>
    <p:cSldViewPr snapToGrid="0">
      <p:cViewPr>
        <p:scale>
          <a:sx n="107" d="100"/>
          <a:sy n="107" d="100"/>
        </p:scale>
        <p:origin x="1848" y="98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57" d="100"/>
          <a:sy n="57" d="100"/>
        </p:scale>
        <p:origin x="2832" y="7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viewProps" Target="viewProps.xml"/><Relationship Id="rId21" Type="http://schemas.openxmlformats.org/officeDocument/2006/relationships/theme" Target="theme/theme1.xml"/><Relationship Id="rId22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notesMaster" Target="notesMasters/notesMaster1.xml"/><Relationship Id="rId1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A8F6F4C-F5A5-48AB-AFDD-63F575F06C49}" type="datetimeFigureOut">
              <a:rPr lang="en-US" smtClean="0"/>
              <a:t>2/24/16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0BF7B52-C353-4E51-A221-7F9B49B95CE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009361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_rels/notesSlide10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1.xml"/></Relationships>
</file>

<file path=ppt/notesSlides/_rels/notesSlide1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_rels/notesSlide1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3.xml"/></Relationships>
</file>

<file path=ppt/notesSlides/_rels/notesSlide1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4.xml"/></Relationships>
</file>

<file path=ppt/notesSlides/_rels/notesSlide1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5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_rels/notesSlide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.xml"/></Relationships>
</file>

<file path=ppt/notesSlides/_rels/notesSlide5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_rels/notesSlide6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6.xml"/></Relationships>
</file>

<file path=ppt/notesSlides/_rels/notesSlide7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7.xml"/></Relationships>
</file>

<file path=ppt/notesSlides/_rels/notesSlide8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9.xml"/></Relationships>
</file>

<file path=ppt/notesSlides/_rels/notesSlide9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0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915998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ick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3608589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Ran:</a:t>
            </a:r>
          </a:p>
          <a:p>
            <a:r>
              <a:rPr lang="en-US" dirty="0" smtClean="0"/>
              <a:t>David</a:t>
            </a:r>
            <a:r>
              <a:rPr lang="en-US" baseline="0" dirty="0" smtClean="0"/>
              <a:t> </a:t>
            </a:r>
            <a:r>
              <a:rPr lang="en-US" baseline="0" dirty="0" err="1" smtClean="0"/>
              <a:t>Rini</a:t>
            </a:r>
            <a:r>
              <a:rPr lang="en-US" baseline="0" dirty="0" smtClean="0"/>
              <a:t> (AAMD) – have contacted about a timeline, haven’t heard back yet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925045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Ra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736564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Ra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074084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ick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2105788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ick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82389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ick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590432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ick</a:t>
            </a:r>
          </a:p>
          <a:p>
            <a:r>
              <a:rPr lang="en-US" dirty="0" smtClean="0"/>
              <a:t>Mention that we’ve drafted design documents,</a:t>
            </a:r>
            <a:r>
              <a:rPr lang="en-US" baseline="0" dirty="0" smtClean="0"/>
              <a:t> this is an overview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6108519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Ra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790943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Ra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3830230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Ra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4623228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ick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070536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ick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BF7B52-C353-4E51-A221-7F9B49B95CE5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29741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microsoft.com/office/2007/relationships/hdphoto" Target="../media/hdphoto1.wdp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microsoft.com/office/2007/relationships/hdphoto" Target="../media/hdphoto2.wdp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microsoft.com/office/2007/relationships/hdphoto" Target="../media/hdphoto3.wdp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microsoft.com/office/2007/relationships/hdphoto" Target="../media/hdphoto4.wdp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microsoft.com/office/2007/relationships/hdphoto" Target="../media/hdphoto5.wdp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microsoft.com/office/2007/relationships/hdphoto" Target="../media/hdphoto6.wdp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>
                <a:solidFill>
                  <a:srgbClr val="002D90"/>
                </a:solidFill>
                <a:latin typeface="Aldus LT Roman" panose="02000503080000020003" pitchFamily="2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rgbClr val="002D90"/>
                </a:solidFill>
                <a:latin typeface="Corbel" panose="020B0503020204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002D90"/>
                </a:solidFill>
              </a:defRPr>
            </a:lvl1pPr>
          </a:lstStyle>
          <a:p>
            <a:fld id="{83682F2B-413D-4716-9CEF-F8201020DA9D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002D90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002D90"/>
                </a:solidFill>
              </a:defRPr>
            </a:lvl1pPr>
          </a:lstStyle>
          <a:p>
            <a:fld id="{0376E682-E9FD-46BD-B55C-BC25B56CF47D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21463" b="79014" l="8778" r="90309">
                        <a14:foregroundMark x1="16643" y1="41017" x2="16643" y2="41017"/>
                        <a14:foregroundMark x1="8848" y1="41971" x2="8848" y2="41971"/>
                        <a14:foregroundMark x1="22612" y1="43561" x2="22612" y2="43561"/>
                        <a14:foregroundMark x1="42065" y1="36089" x2="42065" y2="36089"/>
                        <a14:foregroundMark x1="45646" y1="36566" x2="45646" y2="36566"/>
                        <a14:foregroundMark x1="49298" y1="38633" x2="49298" y2="38633"/>
                        <a14:foregroundMark x1="58708" y1="39428" x2="58708" y2="39428"/>
                        <a14:foregroundMark x1="60744" y1="39905" x2="60744" y2="39905"/>
                        <a14:foregroundMark x1="68188" y1="44038" x2="68188" y2="44038"/>
                        <a14:foregroundMark x1="73244" y1="42289" x2="73244" y2="42289"/>
                        <a14:foregroundMark x1="77247" y1="42289" x2="77247" y2="42289"/>
                        <a14:foregroundMark x1="84270" y1="43084" x2="84270" y2="43084"/>
                        <a14:foregroundMark x1="90309" y1="42766" x2="90309" y2="42766"/>
                        <a14:foregroundMark x1="41152" y1="55803" x2="41152" y2="55803"/>
                        <a14:foregroundMark x1="43469" y1="56280" x2="43469" y2="56280"/>
                        <a14:foregroundMark x1="49298" y1="57552" x2="49298" y2="57552"/>
                        <a14:foregroundMark x1="55829" y1="57552" x2="55829" y2="57552"/>
                        <a14:foregroundMark x1="63413" y1="57552" x2="63413" y2="57552"/>
                        <a14:foregroundMark x1="67416" y1="59141" x2="67416" y2="59141"/>
                        <a14:foregroundMark x1="73596" y1="56280" x2="73596" y2="56280"/>
                        <a14:foregroundMark x1="77388" y1="58824" x2="77388" y2="58824"/>
                        <a14:foregroundMark x1="80478" y1="59936" x2="80478" y2="59936"/>
                        <a14:foregroundMark x1="86447" y1="59936" x2="86447" y2="59936"/>
                        <a14:foregroundMark x1="44382" y1="69793" x2="44382" y2="69793"/>
                        <a14:foregroundMark x1="46419" y1="73927" x2="46419" y2="73927"/>
                        <a14:foregroundMark x1="50211" y1="74404" x2="50211" y2="74404"/>
                        <a14:foregroundMark x1="57654" y1="74404" x2="57654" y2="74404"/>
                        <a14:foregroundMark x1="61096" y1="74722" x2="61096" y2="74722"/>
                        <a14:foregroundMark x1="65239" y1="74722" x2="65239" y2="74722"/>
                        <a14:backgroundMark x1="68890" y1="56280" x2="68890" y2="56280"/>
                        <a14:backgroundMark x1="65801" y1="71542" x2="65801" y2="71542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6515" t="14258" r="4538" b="13583"/>
          <a:stretch/>
        </p:blipFill>
        <p:spPr>
          <a:xfrm>
            <a:off x="9333712" y="5800380"/>
            <a:ext cx="2385391" cy="8547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74047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C8DA1-D130-4E2B-B965-E2FCAF207F2C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63456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0C32EB-0252-4C4B-AB08-6AD2AFE15F80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816354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F3DD47-68BA-4FF6-83A1-07B23A0C64AA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7416133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5EF493-8190-46CC-BA1E-F65328BCC2A0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064618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5F4196-C02B-4DCF-84CE-0F1353C056FC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703211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BBAC1F-EB87-4923-AB15-9D3D9D48B102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5218135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25FA2-BB7D-42D1-9C3A-6E38E28293C0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571094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ntrodu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"/>
          </a:xfrm>
          <a:prstGeom prst="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Rounded Rectangle 7"/>
          <p:cNvSpPr/>
          <p:nvPr userDrawn="1"/>
        </p:nvSpPr>
        <p:spPr>
          <a:xfrm>
            <a:off x="372793" y="182878"/>
            <a:ext cx="1828800" cy="689317"/>
          </a:xfrm>
          <a:prstGeom prst="round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rgbClr val="002D90"/>
                </a:solidFill>
                <a:latin typeface="Corbel" panose="020B0503020204020204" pitchFamily="34" charset="0"/>
              </a:rPr>
              <a:t>Introduction</a:t>
            </a:r>
            <a:endParaRPr lang="en-US" sz="1400" dirty="0">
              <a:solidFill>
                <a:srgbClr val="002D90"/>
              </a:solidFill>
              <a:latin typeface="Corbel" panose="020B0503020204020204" pitchFamily="34" charset="0"/>
            </a:endParaRPr>
          </a:p>
        </p:txBody>
      </p:sp>
      <p:sp>
        <p:nvSpPr>
          <p:cNvPr id="9" name="Rounded Rectangle 8"/>
          <p:cNvSpPr/>
          <p:nvPr userDrawn="1"/>
        </p:nvSpPr>
        <p:spPr>
          <a:xfrm>
            <a:off x="2440151" y="182878"/>
            <a:ext cx="1828800" cy="689317"/>
          </a:xfrm>
          <a:prstGeom prst="round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latin typeface="Corbel" panose="020B0503020204020204" pitchFamily="34" charset="0"/>
              </a:rPr>
              <a:t>Design</a:t>
            </a:r>
            <a:endParaRPr lang="en-US" sz="1400" dirty="0">
              <a:latin typeface="Corbel" panose="020B0503020204020204" pitchFamily="34" charset="0"/>
            </a:endParaRPr>
          </a:p>
        </p:txBody>
      </p:sp>
      <p:sp>
        <p:nvSpPr>
          <p:cNvPr id="10" name="Rounded Rectangle 9"/>
          <p:cNvSpPr/>
          <p:nvPr userDrawn="1"/>
        </p:nvSpPr>
        <p:spPr>
          <a:xfrm>
            <a:off x="4507509" y="182878"/>
            <a:ext cx="1828800" cy="689317"/>
          </a:xfrm>
          <a:prstGeom prst="round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latin typeface="Corbel" panose="020B0503020204020204" pitchFamily="34" charset="0"/>
              </a:rPr>
              <a:t>Dependencies</a:t>
            </a:r>
            <a:endParaRPr lang="en-US" sz="1400" dirty="0">
              <a:latin typeface="Corbel" panose="020B0503020204020204" pitchFamily="34" charset="0"/>
            </a:endParaRPr>
          </a:p>
        </p:txBody>
      </p:sp>
      <p:sp>
        <p:nvSpPr>
          <p:cNvPr id="11" name="Rounded Rectangle 10"/>
          <p:cNvSpPr/>
          <p:nvPr userDrawn="1"/>
        </p:nvSpPr>
        <p:spPr>
          <a:xfrm>
            <a:off x="6574867" y="182878"/>
            <a:ext cx="1828800" cy="689317"/>
          </a:xfrm>
          <a:prstGeom prst="round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latin typeface="Corbel" panose="020B0503020204020204" pitchFamily="34" charset="0"/>
              </a:rPr>
              <a:t>Division of Labor</a:t>
            </a:r>
            <a:endParaRPr lang="en-US" sz="1400" dirty="0">
              <a:latin typeface="Corbel" panose="020B0503020204020204" pitchFamily="34" charset="0"/>
            </a:endParaRPr>
          </a:p>
        </p:txBody>
      </p:sp>
      <p:sp>
        <p:nvSpPr>
          <p:cNvPr id="12" name="Rounded Rectangle 11"/>
          <p:cNvSpPr/>
          <p:nvPr userDrawn="1"/>
        </p:nvSpPr>
        <p:spPr>
          <a:xfrm>
            <a:off x="8642225" y="182878"/>
            <a:ext cx="1828800" cy="689317"/>
          </a:xfrm>
          <a:prstGeom prst="round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latin typeface="Corbel" panose="020B0503020204020204" pitchFamily="34" charset="0"/>
              </a:rPr>
              <a:t>Timetable</a:t>
            </a:r>
            <a:endParaRPr lang="en-US" sz="1400" dirty="0">
              <a:latin typeface="Corbel" panose="020B0503020204020204" pitchFamily="34" charset="0"/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0" y="685800"/>
            <a:ext cx="12192000" cy="6172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819944"/>
            <a:ext cx="10515600" cy="1325563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Aldus LT Roman" panose="02000503080000020003" pitchFamily="2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2279651"/>
            <a:ext cx="10515600" cy="3897312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1pPr>
            <a:lvl2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2pPr>
            <a:lvl3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3pPr>
            <a:lvl4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4pPr>
            <a:lvl5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196754-92D0-40B2-B968-BD51444B0C3A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21463" b="79014" l="8778" r="90309">
                        <a14:foregroundMark x1="16643" y1="41017" x2="16643" y2="41017"/>
                        <a14:foregroundMark x1="8848" y1="41971" x2="8848" y2="41971"/>
                        <a14:foregroundMark x1="22612" y1="43561" x2="22612" y2="43561"/>
                        <a14:foregroundMark x1="42065" y1="36089" x2="42065" y2="36089"/>
                        <a14:foregroundMark x1="45646" y1="36566" x2="45646" y2="36566"/>
                        <a14:foregroundMark x1="49298" y1="38633" x2="49298" y2="38633"/>
                        <a14:foregroundMark x1="58708" y1="39428" x2="58708" y2="39428"/>
                        <a14:foregroundMark x1="60744" y1="39905" x2="60744" y2="39905"/>
                        <a14:foregroundMark x1="68188" y1="44038" x2="68188" y2="44038"/>
                        <a14:foregroundMark x1="73244" y1="42289" x2="73244" y2="42289"/>
                        <a14:foregroundMark x1="77247" y1="42289" x2="77247" y2="42289"/>
                        <a14:foregroundMark x1="84270" y1="43084" x2="84270" y2="43084"/>
                        <a14:foregroundMark x1="90309" y1="42766" x2="90309" y2="42766"/>
                        <a14:foregroundMark x1="41152" y1="55803" x2="41152" y2="55803"/>
                        <a14:foregroundMark x1="43469" y1="56280" x2="43469" y2="56280"/>
                        <a14:foregroundMark x1="49298" y1="57552" x2="49298" y2="57552"/>
                        <a14:foregroundMark x1="55829" y1="57552" x2="55829" y2="57552"/>
                        <a14:foregroundMark x1="63413" y1="57552" x2="63413" y2="57552"/>
                        <a14:foregroundMark x1="67416" y1="59141" x2="67416" y2="59141"/>
                        <a14:foregroundMark x1="73596" y1="56280" x2="73596" y2="56280"/>
                        <a14:foregroundMark x1="77388" y1="58824" x2="77388" y2="58824"/>
                        <a14:foregroundMark x1="80478" y1="59936" x2="80478" y2="59936"/>
                        <a14:foregroundMark x1="86447" y1="59936" x2="86447" y2="59936"/>
                        <a14:foregroundMark x1="44382" y1="69793" x2="44382" y2="69793"/>
                        <a14:foregroundMark x1="46419" y1="73927" x2="46419" y2="73927"/>
                        <a14:foregroundMark x1="50211" y1="74404" x2="50211" y2="74404"/>
                        <a14:foregroundMark x1="57654" y1="74404" x2="57654" y2="74404"/>
                        <a14:foregroundMark x1="61096" y1="74722" x2="61096" y2="74722"/>
                        <a14:foregroundMark x1="65239" y1="74722" x2="65239" y2="74722"/>
                        <a14:backgroundMark x1="68890" y1="56280" x2="68890" y2="56280"/>
                        <a14:backgroundMark x1="65801" y1="71542" x2="65801" y2="71542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6515" t="14258" r="4538" b="13583"/>
          <a:stretch/>
        </p:blipFill>
        <p:spPr>
          <a:xfrm>
            <a:off x="9333712" y="5800380"/>
            <a:ext cx="2385391" cy="8547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622845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Desig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"/>
          </a:xfrm>
          <a:prstGeom prst="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Rounded Rectangle 7"/>
          <p:cNvSpPr/>
          <p:nvPr userDrawn="1"/>
        </p:nvSpPr>
        <p:spPr>
          <a:xfrm>
            <a:off x="372793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Introduction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9" name="Rounded Rectangle 8"/>
          <p:cNvSpPr/>
          <p:nvPr userDrawn="1"/>
        </p:nvSpPr>
        <p:spPr>
          <a:xfrm>
            <a:off x="2440151" y="182878"/>
            <a:ext cx="1828800" cy="689317"/>
          </a:xfrm>
          <a:prstGeom prst="round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rgbClr val="002D90"/>
                </a:solidFill>
                <a:latin typeface="Corbel" panose="020B0503020204020204" pitchFamily="34" charset="0"/>
              </a:rPr>
              <a:t>Design</a:t>
            </a:r>
            <a:endParaRPr lang="en-US" sz="1400" dirty="0">
              <a:solidFill>
                <a:srgbClr val="002D90"/>
              </a:solidFill>
              <a:latin typeface="Corbel" panose="020B0503020204020204" pitchFamily="34" charset="0"/>
            </a:endParaRPr>
          </a:p>
        </p:txBody>
      </p:sp>
      <p:sp>
        <p:nvSpPr>
          <p:cNvPr id="10" name="Rounded Rectangle 9"/>
          <p:cNvSpPr/>
          <p:nvPr userDrawn="1"/>
        </p:nvSpPr>
        <p:spPr>
          <a:xfrm>
            <a:off x="4507509" y="182878"/>
            <a:ext cx="1828800" cy="689317"/>
          </a:xfrm>
          <a:prstGeom prst="round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latin typeface="Corbel" panose="020B0503020204020204" pitchFamily="34" charset="0"/>
              </a:rPr>
              <a:t>Dependencies</a:t>
            </a:r>
            <a:endParaRPr lang="en-US" sz="1400" dirty="0">
              <a:latin typeface="Corbel" panose="020B0503020204020204" pitchFamily="34" charset="0"/>
            </a:endParaRPr>
          </a:p>
        </p:txBody>
      </p:sp>
      <p:sp>
        <p:nvSpPr>
          <p:cNvPr id="11" name="Rounded Rectangle 10"/>
          <p:cNvSpPr/>
          <p:nvPr userDrawn="1"/>
        </p:nvSpPr>
        <p:spPr>
          <a:xfrm>
            <a:off x="6574867" y="182878"/>
            <a:ext cx="1828800" cy="689317"/>
          </a:xfrm>
          <a:prstGeom prst="round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latin typeface="Corbel" panose="020B0503020204020204" pitchFamily="34" charset="0"/>
              </a:rPr>
              <a:t>Division of Labor</a:t>
            </a:r>
            <a:endParaRPr lang="en-US" sz="1400" dirty="0">
              <a:latin typeface="Corbel" panose="020B0503020204020204" pitchFamily="34" charset="0"/>
            </a:endParaRPr>
          </a:p>
        </p:txBody>
      </p:sp>
      <p:sp>
        <p:nvSpPr>
          <p:cNvPr id="12" name="Rounded Rectangle 11"/>
          <p:cNvSpPr/>
          <p:nvPr userDrawn="1"/>
        </p:nvSpPr>
        <p:spPr>
          <a:xfrm>
            <a:off x="8642225" y="182878"/>
            <a:ext cx="1828800" cy="689317"/>
          </a:xfrm>
          <a:prstGeom prst="round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latin typeface="Corbel" panose="020B0503020204020204" pitchFamily="34" charset="0"/>
              </a:rPr>
              <a:t>Timetable</a:t>
            </a:r>
            <a:endParaRPr lang="en-US" sz="1400" dirty="0">
              <a:latin typeface="Corbel" panose="020B0503020204020204" pitchFamily="34" charset="0"/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0" y="685800"/>
            <a:ext cx="12192000" cy="6172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819944"/>
            <a:ext cx="10515600" cy="1325563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Aldus LT Roman" panose="02000503080000020003" pitchFamily="2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2279651"/>
            <a:ext cx="10515600" cy="3897312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1pPr>
            <a:lvl2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2pPr>
            <a:lvl3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3pPr>
            <a:lvl4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4pPr>
            <a:lvl5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196754-92D0-40B2-B968-BD51444B0C3A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21463" b="79014" l="8778" r="90309">
                        <a14:foregroundMark x1="16643" y1="41017" x2="16643" y2="41017"/>
                        <a14:foregroundMark x1="8848" y1="41971" x2="8848" y2="41971"/>
                        <a14:foregroundMark x1="22612" y1="43561" x2="22612" y2="43561"/>
                        <a14:foregroundMark x1="42065" y1="36089" x2="42065" y2="36089"/>
                        <a14:foregroundMark x1="45646" y1="36566" x2="45646" y2="36566"/>
                        <a14:foregroundMark x1="49298" y1="38633" x2="49298" y2="38633"/>
                        <a14:foregroundMark x1="58708" y1="39428" x2="58708" y2="39428"/>
                        <a14:foregroundMark x1="60744" y1="39905" x2="60744" y2="39905"/>
                        <a14:foregroundMark x1="68188" y1="44038" x2="68188" y2="44038"/>
                        <a14:foregroundMark x1="73244" y1="42289" x2="73244" y2="42289"/>
                        <a14:foregroundMark x1="77247" y1="42289" x2="77247" y2="42289"/>
                        <a14:foregroundMark x1="84270" y1="43084" x2="84270" y2="43084"/>
                        <a14:foregroundMark x1="90309" y1="42766" x2="90309" y2="42766"/>
                        <a14:foregroundMark x1="41152" y1="55803" x2="41152" y2="55803"/>
                        <a14:foregroundMark x1="43469" y1="56280" x2="43469" y2="56280"/>
                        <a14:foregroundMark x1="49298" y1="57552" x2="49298" y2="57552"/>
                        <a14:foregroundMark x1="55829" y1="57552" x2="55829" y2="57552"/>
                        <a14:foregroundMark x1="63413" y1="57552" x2="63413" y2="57552"/>
                        <a14:foregroundMark x1="67416" y1="59141" x2="67416" y2="59141"/>
                        <a14:foregroundMark x1="73596" y1="56280" x2="73596" y2="56280"/>
                        <a14:foregroundMark x1="77388" y1="58824" x2="77388" y2="58824"/>
                        <a14:foregroundMark x1="80478" y1="59936" x2="80478" y2="59936"/>
                        <a14:foregroundMark x1="86447" y1="59936" x2="86447" y2="59936"/>
                        <a14:foregroundMark x1="44382" y1="69793" x2="44382" y2="69793"/>
                        <a14:foregroundMark x1="46419" y1="73927" x2="46419" y2="73927"/>
                        <a14:foregroundMark x1="50211" y1="74404" x2="50211" y2="74404"/>
                        <a14:foregroundMark x1="57654" y1="74404" x2="57654" y2="74404"/>
                        <a14:foregroundMark x1="61096" y1="74722" x2="61096" y2="74722"/>
                        <a14:foregroundMark x1="65239" y1="74722" x2="65239" y2="74722"/>
                        <a14:backgroundMark x1="68890" y1="56280" x2="68890" y2="56280"/>
                        <a14:backgroundMark x1="65801" y1="71542" x2="65801" y2="71542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6515" t="14258" r="4538" b="13583"/>
          <a:stretch/>
        </p:blipFill>
        <p:spPr>
          <a:xfrm>
            <a:off x="9333712" y="5800380"/>
            <a:ext cx="2385391" cy="8547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141655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Dependenci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"/>
          </a:xfrm>
          <a:prstGeom prst="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Rounded Rectangle 7"/>
          <p:cNvSpPr/>
          <p:nvPr userDrawn="1"/>
        </p:nvSpPr>
        <p:spPr>
          <a:xfrm>
            <a:off x="372793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Introduction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9" name="Rounded Rectangle 8"/>
          <p:cNvSpPr/>
          <p:nvPr userDrawn="1"/>
        </p:nvSpPr>
        <p:spPr>
          <a:xfrm>
            <a:off x="2440151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Design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0" name="Rounded Rectangle 9"/>
          <p:cNvSpPr/>
          <p:nvPr userDrawn="1"/>
        </p:nvSpPr>
        <p:spPr>
          <a:xfrm>
            <a:off x="4507509" y="182878"/>
            <a:ext cx="1828800" cy="689317"/>
          </a:xfrm>
          <a:prstGeom prst="round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rgbClr val="002D90"/>
                </a:solidFill>
                <a:latin typeface="Corbel" panose="020B0503020204020204" pitchFamily="34" charset="0"/>
              </a:rPr>
              <a:t>Dependencies</a:t>
            </a:r>
            <a:endParaRPr lang="en-US" sz="1400" dirty="0">
              <a:solidFill>
                <a:srgbClr val="002D90"/>
              </a:solidFill>
              <a:latin typeface="Corbel" panose="020B0503020204020204" pitchFamily="34" charset="0"/>
            </a:endParaRPr>
          </a:p>
        </p:txBody>
      </p:sp>
      <p:sp>
        <p:nvSpPr>
          <p:cNvPr id="11" name="Rounded Rectangle 10"/>
          <p:cNvSpPr/>
          <p:nvPr userDrawn="1"/>
        </p:nvSpPr>
        <p:spPr>
          <a:xfrm>
            <a:off x="6574867" y="182878"/>
            <a:ext cx="1828800" cy="689317"/>
          </a:xfrm>
          <a:prstGeom prst="round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latin typeface="Corbel" panose="020B0503020204020204" pitchFamily="34" charset="0"/>
              </a:rPr>
              <a:t>Division</a:t>
            </a:r>
            <a:r>
              <a:rPr lang="en-US" sz="1400" baseline="0" dirty="0" smtClean="0">
                <a:latin typeface="Corbel" panose="020B0503020204020204" pitchFamily="34" charset="0"/>
              </a:rPr>
              <a:t> of Labor</a:t>
            </a:r>
            <a:endParaRPr lang="en-US" sz="1400" dirty="0">
              <a:latin typeface="Corbel" panose="020B0503020204020204" pitchFamily="34" charset="0"/>
            </a:endParaRPr>
          </a:p>
        </p:txBody>
      </p:sp>
      <p:sp>
        <p:nvSpPr>
          <p:cNvPr id="12" name="Rounded Rectangle 11"/>
          <p:cNvSpPr/>
          <p:nvPr userDrawn="1"/>
        </p:nvSpPr>
        <p:spPr>
          <a:xfrm>
            <a:off x="8642225" y="182878"/>
            <a:ext cx="1828800" cy="689317"/>
          </a:xfrm>
          <a:prstGeom prst="round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latin typeface="Corbel" panose="020B0503020204020204" pitchFamily="34" charset="0"/>
              </a:rPr>
              <a:t>Timetable</a:t>
            </a:r>
            <a:endParaRPr lang="en-US" sz="1400" dirty="0">
              <a:latin typeface="Corbel" panose="020B0503020204020204" pitchFamily="34" charset="0"/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0" y="685800"/>
            <a:ext cx="12192000" cy="6172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819944"/>
            <a:ext cx="10515600" cy="1325563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Aldus LT Roman" panose="02000503080000020003" pitchFamily="2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2279651"/>
            <a:ext cx="10515600" cy="3897312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1pPr>
            <a:lvl2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2pPr>
            <a:lvl3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3pPr>
            <a:lvl4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4pPr>
            <a:lvl5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196754-92D0-40B2-B968-BD51444B0C3A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21463" b="79014" l="8778" r="90309">
                        <a14:foregroundMark x1="16643" y1="41017" x2="16643" y2="41017"/>
                        <a14:foregroundMark x1="8848" y1="41971" x2="8848" y2="41971"/>
                        <a14:foregroundMark x1="22612" y1="43561" x2="22612" y2="43561"/>
                        <a14:foregroundMark x1="42065" y1="36089" x2="42065" y2="36089"/>
                        <a14:foregroundMark x1="45646" y1="36566" x2="45646" y2="36566"/>
                        <a14:foregroundMark x1="49298" y1="38633" x2="49298" y2="38633"/>
                        <a14:foregroundMark x1="58708" y1="39428" x2="58708" y2="39428"/>
                        <a14:foregroundMark x1="60744" y1="39905" x2="60744" y2="39905"/>
                        <a14:foregroundMark x1="68188" y1="44038" x2="68188" y2="44038"/>
                        <a14:foregroundMark x1="73244" y1="42289" x2="73244" y2="42289"/>
                        <a14:foregroundMark x1="77247" y1="42289" x2="77247" y2="42289"/>
                        <a14:foregroundMark x1="84270" y1="43084" x2="84270" y2="43084"/>
                        <a14:foregroundMark x1="90309" y1="42766" x2="90309" y2="42766"/>
                        <a14:foregroundMark x1="41152" y1="55803" x2="41152" y2="55803"/>
                        <a14:foregroundMark x1="43469" y1="56280" x2="43469" y2="56280"/>
                        <a14:foregroundMark x1="49298" y1="57552" x2="49298" y2="57552"/>
                        <a14:foregroundMark x1="55829" y1="57552" x2="55829" y2="57552"/>
                        <a14:foregroundMark x1="63413" y1="57552" x2="63413" y2="57552"/>
                        <a14:foregroundMark x1="67416" y1="59141" x2="67416" y2="59141"/>
                        <a14:foregroundMark x1="73596" y1="56280" x2="73596" y2="56280"/>
                        <a14:foregroundMark x1="77388" y1="58824" x2="77388" y2="58824"/>
                        <a14:foregroundMark x1="80478" y1="59936" x2="80478" y2="59936"/>
                        <a14:foregroundMark x1="86447" y1="59936" x2="86447" y2="59936"/>
                        <a14:foregroundMark x1="44382" y1="69793" x2="44382" y2="69793"/>
                        <a14:foregroundMark x1="46419" y1="73927" x2="46419" y2="73927"/>
                        <a14:foregroundMark x1="50211" y1="74404" x2="50211" y2="74404"/>
                        <a14:foregroundMark x1="57654" y1="74404" x2="57654" y2="74404"/>
                        <a14:foregroundMark x1="61096" y1="74722" x2="61096" y2="74722"/>
                        <a14:foregroundMark x1="65239" y1="74722" x2="65239" y2="74722"/>
                        <a14:backgroundMark x1="68890" y1="56280" x2="68890" y2="56280"/>
                        <a14:backgroundMark x1="65801" y1="71542" x2="65801" y2="71542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6515" t="14258" r="4538" b="13583"/>
          <a:stretch/>
        </p:blipFill>
        <p:spPr>
          <a:xfrm>
            <a:off x="9333712" y="5800380"/>
            <a:ext cx="2385391" cy="8547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399339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Division of Lab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"/>
          </a:xfrm>
          <a:prstGeom prst="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Rounded Rectangle 7"/>
          <p:cNvSpPr/>
          <p:nvPr userDrawn="1"/>
        </p:nvSpPr>
        <p:spPr>
          <a:xfrm>
            <a:off x="372793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Introduction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9" name="Rounded Rectangle 8"/>
          <p:cNvSpPr/>
          <p:nvPr userDrawn="1"/>
        </p:nvSpPr>
        <p:spPr>
          <a:xfrm>
            <a:off x="2440151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Design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0" name="Rounded Rectangle 9"/>
          <p:cNvSpPr/>
          <p:nvPr userDrawn="1"/>
        </p:nvSpPr>
        <p:spPr>
          <a:xfrm>
            <a:off x="4507509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Dependencies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1" name="Rounded Rectangle 10"/>
          <p:cNvSpPr/>
          <p:nvPr userDrawn="1"/>
        </p:nvSpPr>
        <p:spPr>
          <a:xfrm>
            <a:off x="6574867" y="182878"/>
            <a:ext cx="1828800" cy="689317"/>
          </a:xfrm>
          <a:prstGeom prst="round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rgbClr val="002D90"/>
                </a:solidFill>
                <a:latin typeface="Corbel" panose="020B0503020204020204" pitchFamily="34" charset="0"/>
              </a:rPr>
              <a:t>Division of Labor</a:t>
            </a:r>
            <a:endParaRPr lang="en-US" sz="1400" dirty="0">
              <a:solidFill>
                <a:srgbClr val="002D90"/>
              </a:solidFill>
              <a:latin typeface="Corbel" panose="020B0503020204020204" pitchFamily="34" charset="0"/>
            </a:endParaRPr>
          </a:p>
        </p:txBody>
      </p:sp>
      <p:sp>
        <p:nvSpPr>
          <p:cNvPr id="12" name="Rounded Rectangle 11"/>
          <p:cNvSpPr/>
          <p:nvPr userDrawn="1"/>
        </p:nvSpPr>
        <p:spPr>
          <a:xfrm>
            <a:off x="8642225" y="182878"/>
            <a:ext cx="1828800" cy="689317"/>
          </a:xfrm>
          <a:prstGeom prst="round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latin typeface="Corbel" panose="020B0503020204020204" pitchFamily="34" charset="0"/>
              </a:rPr>
              <a:t>Timetable</a:t>
            </a:r>
            <a:endParaRPr lang="en-US" sz="1400" dirty="0">
              <a:latin typeface="Corbel" panose="020B0503020204020204" pitchFamily="34" charset="0"/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0" y="685800"/>
            <a:ext cx="12192000" cy="6172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819944"/>
            <a:ext cx="10515600" cy="1325563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Aldus LT Roman" panose="02000503080000020003" pitchFamily="2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2279651"/>
            <a:ext cx="10515600" cy="3897312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1pPr>
            <a:lvl2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2pPr>
            <a:lvl3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3pPr>
            <a:lvl4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4pPr>
            <a:lvl5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196754-92D0-40B2-B968-BD51444B0C3A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21463" b="79014" l="8778" r="90309">
                        <a14:foregroundMark x1="16643" y1="41017" x2="16643" y2="41017"/>
                        <a14:foregroundMark x1="8848" y1="41971" x2="8848" y2="41971"/>
                        <a14:foregroundMark x1="22612" y1="43561" x2="22612" y2="43561"/>
                        <a14:foregroundMark x1="42065" y1="36089" x2="42065" y2="36089"/>
                        <a14:foregroundMark x1="45646" y1="36566" x2="45646" y2="36566"/>
                        <a14:foregroundMark x1="49298" y1="38633" x2="49298" y2="38633"/>
                        <a14:foregroundMark x1="58708" y1="39428" x2="58708" y2="39428"/>
                        <a14:foregroundMark x1="60744" y1="39905" x2="60744" y2="39905"/>
                        <a14:foregroundMark x1="68188" y1="44038" x2="68188" y2="44038"/>
                        <a14:foregroundMark x1="73244" y1="42289" x2="73244" y2="42289"/>
                        <a14:foregroundMark x1="77247" y1="42289" x2="77247" y2="42289"/>
                        <a14:foregroundMark x1="84270" y1="43084" x2="84270" y2="43084"/>
                        <a14:foregroundMark x1="90309" y1="42766" x2="90309" y2="42766"/>
                        <a14:foregroundMark x1="41152" y1="55803" x2="41152" y2="55803"/>
                        <a14:foregroundMark x1="43469" y1="56280" x2="43469" y2="56280"/>
                        <a14:foregroundMark x1="49298" y1="57552" x2="49298" y2="57552"/>
                        <a14:foregroundMark x1="55829" y1="57552" x2="55829" y2="57552"/>
                        <a14:foregroundMark x1="63413" y1="57552" x2="63413" y2="57552"/>
                        <a14:foregroundMark x1="67416" y1="59141" x2="67416" y2="59141"/>
                        <a14:foregroundMark x1="73596" y1="56280" x2="73596" y2="56280"/>
                        <a14:foregroundMark x1="77388" y1="58824" x2="77388" y2="58824"/>
                        <a14:foregroundMark x1="80478" y1="59936" x2="80478" y2="59936"/>
                        <a14:foregroundMark x1="86447" y1="59936" x2="86447" y2="59936"/>
                        <a14:foregroundMark x1="44382" y1="69793" x2="44382" y2="69793"/>
                        <a14:foregroundMark x1="46419" y1="73927" x2="46419" y2="73927"/>
                        <a14:foregroundMark x1="50211" y1="74404" x2="50211" y2="74404"/>
                        <a14:foregroundMark x1="57654" y1="74404" x2="57654" y2="74404"/>
                        <a14:foregroundMark x1="61096" y1="74722" x2="61096" y2="74722"/>
                        <a14:foregroundMark x1="65239" y1="74722" x2="65239" y2="74722"/>
                        <a14:backgroundMark x1="68890" y1="56280" x2="68890" y2="56280"/>
                        <a14:backgroundMark x1="65801" y1="71542" x2="65801" y2="71542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6515" t="14258" r="4538" b="13583"/>
          <a:stretch/>
        </p:blipFill>
        <p:spPr>
          <a:xfrm>
            <a:off x="9333712" y="5800380"/>
            <a:ext cx="2385391" cy="8547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075519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me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"/>
          </a:xfrm>
          <a:prstGeom prst="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Rounded Rectangle 7"/>
          <p:cNvSpPr/>
          <p:nvPr userDrawn="1"/>
        </p:nvSpPr>
        <p:spPr>
          <a:xfrm>
            <a:off x="372793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Introduction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9" name="Rounded Rectangle 8"/>
          <p:cNvSpPr/>
          <p:nvPr userDrawn="1"/>
        </p:nvSpPr>
        <p:spPr>
          <a:xfrm>
            <a:off x="2440151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Design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0" name="Rounded Rectangle 9"/>
          <p:cNvSpPr/>
          <p:nvPr userDrawn="1"/>
        </p:nvSpPr>
        <p:spPr>
          <a:xfrm>
            <a:off x="4507509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Dependencies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1" name="Rounded Rectangle 10"/>
          <p:cNvSpPr/>
          <p:nvPr userDrawn="1"/>
        </p:nvSpPr>
        <p:spPr>
          <a:xfrm>
            <a:off x="6574867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Division of Labor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2" name="Rounded Rectangle 11"/>
          <p:cNvSpPr/>
          <p:nvPr userDrawn="1"/>
        </p:nvSpPr>
        <p:spPr>
          <a:xfrm>
            <a:off x="8642225" y="182878"/>
            <a:ext cx="1828800" cy="689317"/>
          </a:xfrm>
          <a:prstGeom prst="round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rgbClr val="002D90"/>
                </a:solidFill>
                <a:latin typeface="Corbel" panose="020B0503020204020204" pitchFamily="34" charset="0"/>
              </a:rPr>
              <a:t>Timetable</a:t>
            </a:r>
            <a:endParaRPr lang="en-US" sz="1400" dirty="0">
              <a:solidFill>
                <a:srgbClr val="002D90"/>
              </a:solidFill>
              <a:latin typeface="Corbel" panose="020B0503020204020204" pitchFamily="34" charset="0"/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0" y="685800"/>
            <a:ext cx="12192000" cy="6172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819944"/>
            <a:ext cx="10515600" cy="1325563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Aldus LT Roman" panose="02000503080000020003" pitchFamily="2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2279651"/>
            <a:ext cx="10515600" cy="3897312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1pPr>
            <a:lvl2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2pPr>
            <a:lvl3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3pPr>
            <a:lvl4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4pPr>
            <a:lvl5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196754-92D0-40B2-B968-BD51444B0C3A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21463" b="79014" l="8778" r="90309">
                        <a14:foregroundMark x1="16643" y1="41017" x2="16643" y2="41017"/>
                        <a14:foregroundMark x1="8848" y1="41971" x2="8848" y2="41971"/>
                        <a14:foregroundMark x1="22612" y1="43561" x2="22612" y2="43561"/>
                        <a14:foregroundMark x1="42065" y1="36089" x2="42065" y2="36089"/>
                        <a14:foregroundMark x1="45646" y1="36566" x2="45646" y2="36566"/>
                        <a14:foregroundMark x1="49298" y1="38633" x2="49298" y2="38633"/>
                        <a14:foregroundMark x1="58708" y1="39428" x2="58708" y2="39428"/>
                        <a14:foregroundMark x1="60744" y1="39905" x2="60744" y2="39905"/>
                        <a14:foregroundMark x1="68188" y1="44038" x2="68188" y2="44038"/>
                        <a14:foregroundMark x1="73244" y1="42289" x2="73244" y2="42289"/>
                        <a14:foregroundMark x1="77247" y1="42289" x2="77247" y2="42289"/>
                        <a14:foregroundMark x1="84270" y1="43084" x2="84270" y2="43084"/>
                        <a14:foregroundMark x1="90309" y1="42766" x2="90309" y2="42766"/>
                        <a14:foregroundMark x1="41152" y1="55803" x2="41152" y2="55803"/>
                        <a14:foregroundMark x1="43469" y1="56280" x2="43469" y2="56280"/>
                        <a14:foregroundMark x1="49298" y1="57552" x2="49298" y2="57552"/>
                        <a14:foregroundMark x1="55829" y1="57552" x2="55829" y2="57552"/>
                        <a14:foregroundMark x1="63413" y1="57552" x2="63413" y2="57552"/>
                        <a14:foregroundMark x1="67416" y1="59141" x2="67416" y2="59141"/>
                        <a14:foregroundMark x1="73596" y1="56280" x2="73596" y2="56280"/>
                        <a14:foregroundMark x1="77388" y1="58824" x2="77388" y2="58824"/>
                        <a14:foregroundMark x1="80478" y1="59936" x2="80478" y2="59936"/>
                        <a14:foregroundMark x1="86447" y1="59936" x2="86447" y2="59936"/>
                        <a14:foregroundMark x1="44382" y1="69793" x2="44382" y2="69793"/>
                        <a14:foregroundMark x1="46419" y1="73927" x2="46419" y2="73927"/>
                        <a14:foregroundMark x1="50211" y1="74404" x2="50211" y2="74404"/>
                        <a14:foregroundMark x1="57654" y1="74404" x2="57654" y2="74404"/>
                        <a14:foregroundMark x1="61096" y1="74722" x2="61096" y2="74722"/>
                        <a14:foregroundMark x1="65239" y1="74722" x2="65239" y2="74722"/>
                        <a14:backgroundMark x1="68890" y1="56280" x2="68890" y2="56280"/>
                        <a14:backgroundMark x1="65801" y1="71542" x2="65801" y2="71542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6515" t="14258" r="4538" b="13583"/>
          <a:stretch/>
        </p:blipFill>
        <p:spPr>
          <a:xfrm>
            <a:off x="9333712" y="5800380"/>
            <a:ext cx="2385391" cy="8547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597746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me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"/>
          </a:xfrm>
          <a:prstGeom prst="rect">
            <a:avLst/>
          </a:prstGeom>
          <a:solidFill>
            <a:srgbClr val="002D9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Rounded Rectangle 7"/>
          <p:cNvSpPr/>
          <p:nvPr userDrawn="1"/>
        </p:nvSpPr>
        <p:spPr>
          <a:xfrm>
            <a:off x="372793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Introduction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9" name="Rounded Rectangle 8"/>
          <p:cNvSpPr/>
          <p:nvPr userDrawn="1"/>
        </p:nvSpPr>
        <p:spPr>
          <a:xfrm>
            <a:off x="2440151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Design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0" name="Rounded Rectangle 9"/>
          <p:cNvSpPr/>
          <p:nvPr userDrawn="1"/>
        </p:nvSpPr>
        <p:spPr>
          <a:xfrm>
            <a:off x="4507509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Dependencies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1" name="Rounded Rectangle 10"/>
          <p:cNvSpPr/>
          <p:nvPr userDrawn="1"/>
        </p:nvSpPr>
        <p:spPr>
          <a:xfrm>
            <a:off x="6574867" y="182878"/>
            <a:ext cx="1828800" cy="689317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  <a:latin typeface="Corbel" panose="020B0503020204020204" pitchFamily="34" charset="0"/>
              </a:rPr>
              <a:t>Division of Labor</a:t>
            </a:r>
            <a:endParaRPr lang="en-US" sz="1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2" name="Rounded Rectangle 11"/>
          <p:cNvSpPr/>
          <p:nvPr userDrawn="1"/>
        </p:nvSpPr>
        <p:spPr>
          <a:xfrm>
            <a:off x="8642225" y="182878"/>
            <a:ext cx="1828800" cy="689317"/>
          </a:xfrm>
          <a:prstGeom prst="round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rtlCol="0" anchor="t" anchorCtr="0"/>
          <a:lstStyle/>
          <a:p>
            <a:pPr algn="ctr"/>
            <a:r>
              <a:rPr lang="en-US" sz="1400" dirty="0" smtClean="0">
                <a:solidFill>
                  <a:srgbClr val="002D90"/>
                </a:solidFill>
                <a:latin typeface="Corbel" panose="020B0503020204020204" pitchFamily="34" charset="0"/>
              </a:rPr>
              <a:t>Timetable</a:t>
            </a:r>
            <a:endParaRPr lang="en-US" sz="1400" dirty="0">
              <a:solidFill>
                <a:srgbClr val="002D90"/>
              </a:solidFill>
              <a:latin typeface="Corbel" panose="020B0503020204020204" pitchFamily="34" charset="0"/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0" y="685800"/>
            <a:ext cx="12192000" cy="6172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819944"/>
            <a:ext cx="10515600" cy="1325563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Aldus LT Roman" panose="02000503080000020003" pitchFamily="2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2279651"/>
            <a:ext cx="10515600" cy="3897312"/>
          </a:xfrm>
        </p:spPr>
        <p:txBody>
          <a:bodyPr/>
          <a:lstStyle>
            <a:lvl1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1pPr>
            <a:lvl2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2pPr>
            <a:lvl3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3pPr>
            <a:lvl4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4pPr>
            <a:lvl5pPr>
              <a:defRPr>
                <a:solidFill>
                  <a:srgbClr val="002D90"/>
                </a:solidFill>
                <a:latin typeface="Corbel" panose="020B0503020204020204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196754-92D0-40B2-B968-BD51444B0C3A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741231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D797F4-117A-44D6-9DC3-9EA78AF7C8BA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863915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2423DE-754B-4637-B649-1D570B49B27D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194731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D7AD24-5C89-491D-BF16-7868269372C8}" type="datetime1">
              <a:rPr lang="en-US" smtClean="0"/>
              <a:t>2/24/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76E682-E9FD-46BD-B55C-BC25B56CF4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16498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60" r:id="rId3"/>
    <p:sldLayoutId id="2147483661" r:id="rId4"/>
    <p:sldLayoutId id="2147483662" r:id="rId5"/>
    <p:sldLayoutId id="2147483663" r:id="rId6"/>
    <p:sldLayoutId id="2147483664" r:id="rId7"/>
    <p:sldLayoutId id="2147483651" r:id="rId8"/>
    <p:sldLayoutId id="2147483652" r:id="rId9"/>
    <p:sldLayoutId id="2147483653" r:id="rId10"/>
    <p:sldLayoutId id="2147483654" r:id="rId11"/>
    <p:sldLayoutId id="2147483655" r:id="rId12"/>
    <p:sldLayoutId id="2147483656" r:id="rId13"/>
    <p:sldLayoutId id="2147483657" r:id="rId14"/>
    <p:sldLayoutId id="2147483658" r:id="rId15"/>
    <p:sldLayoutId id="2147483659" r:id="rId16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Relationship Id="rId2" Type="http://schemas.openxmlformats.org/officeDocument/2006/relationships/notesSlide" Target="../notesSlides/notesSlide9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Relationship Id="rId2" Type="http://schemas.openxmlformats.org/officeDocument/2006/relationships/notesSlide" Target="../notesSlides/notesSlide10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11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1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notesSlide" Target="../notesSlides/notesSlide13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90" Type="http://schemas.openxmlformats.org/officeDocument/2006/relationships/tags" Target="../tags/tag90.xml"/><Relationship Id="rId91" Type="http://schemas.openxmlformats.org/officeDocument/2006/relationships/tags" Target="../tags/tag91.xml"/><Relationship Id="rId92" Type="http://schemas.openxmlformats.org/officeDocument/2006/relationships/tags" Target="../tags/tag92.xml"/><Relationship Id="rId93" Type="http://schemas.openxmlformats.org/officeDocument/2006/relationships/tags" Target="../tags/tag93.xml"/><Relationship Id="rId94" Type="http://schemas.openxmlformats.org/officeDocument/2006/relationships/tags" Target="../tags/tag94.xml"/><Relationship Id="rId95" Type="http://schemas.openxmlformats.org/officeDocument/2006/relationships/tags" Target="../tags/tag95.xml"/><Relationship Id="rId96" Type="http://schemas.openxmlformats.org/officeDocument/2006/relationships/tags" Target="../tags/tag96.xml"/><Relationship Id="rId97" Type="http://schemas.openxmlformats.org/officeDocument/2006/relationships/slideLayout" Target="../slideLayouts/slideLayout7.xml"/><Relationship Id="rId98" Type="http://schemas.openxmlformats.org/officeDocument/2006/relationships/notesSlide" Target="../notesSlides/notesSlide14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tags" Target="../tags/tag89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3.xml"/><Relationship Id="rId3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Relationship Id="rId2" Type="http://schemas.openxmlformats.org/officeDocument/2006/relationships/notesSlide" Target="../notesSlides/notesSlide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Relationship Id="rId2" Type="http://schemas.openxmlformats.org/officeDocument/2006/relationships/notesSlide" Target="../notesSlides/notesSlide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4" Type="http://schemas.openxmlformats.org/officeDocument/2006/relationships/image" Target="../media/image4.png"/><Relationship Id="rId5" Type="http://schemas.openxmlformats.org/officeDocument/2006/relationships/image" Target="../media/image5.png"/><Relationship Id="rId6" Type="http://schemas.openxmlformats.org/officeDocument/2006/relationships/image" Target="../media/image6.png"/><Relationship Id="rId7" Type="http://schemas.openxmlformats.org/officeDocument/2006/relationships/image" Target="../media/image7.png"/><Relationship Id="rId8" Type="http://schemas.openxmlformats.org/officeDocument/2006/relationships/image" Target="../media/image8.png"/><Relationship Id="rId9" Type="http://schemas.openxmlformats.org/officeDocument/2006/relationships/image" Target="../media/image9.png"/><Relationship Id="rId1" Type="http://schemas.openxmlformats.org/officeDocument/2006/relationships/slideLayout" Target="../slideLayouts/slideLayout3.xml"/><Relationship Id="rId2" Type="http://schemas.openxmlformats.org/officeDocument/2006/relationships/notesSlide" Target="../notesSlides/notesSlide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Relationship Id="rId2" Type="http://schemas.openxmlformats.org/officeDocument/2006/relationships/notesSlide" Target="../notesSlides/notesSlide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Relationship Id="rId2" Type="http://schemas.openxmlformats.org/officeDocument/2006/relationships/image" Target="../media/image10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g"/><Relationship Id="rId4" Type="http://schemas.openxmlformats.org/officeDocument/2006/relationships/image" Target="../media/image12.jpg"/><Relationship Id="rId5" Type="http://schemas.openxmlformats.org/officeDocument/2006/relationships/image" Target="../media/image13.jpg"/><Relationship Id="rId1" Type="http://schemas.openxmlformats.org/officeDocument/2006/relationships/slideLayout" Target="../slideLayouts/slideLayout3.xml"/><Relationship Id="rId2" Type="http://schemas.openxmlformats.org/officeDocument/2006/relationships/notesSlide" Target="../notesSlides/notesSlide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344498"/>
            <a:ext cx="9144000" cy="2387600"/>
          </a:xfrm>
        </p:spPr>
        <p:txBody>
          <a:bodyPr>
            <a:normAutofit/>
          </a:bodyPr>
          <a:lstStyle/>
          <a:p>
            <a:r>
              <a:rPr lang="en-US" sz="4400" dirty="0" smtClean="0">
                <a:solidFill>
                  <a:srgbClr val="002D90"/>
                </a:solidFill>
                <a:latin typeface="Aldus LT Roman" panose="02000503080000020003" pitchFamily="2" charset="0"/>
              </a:rPr>
              <a:t>Project 07:</a:t>
            </a:r>
            <a:r>
              <a:rPr lang="en-US" dirty="0" smtClean="0">
                <a:solidFill>
                  <a:srgbClr val="002D90"/>
                </a:solidFill>
                <a:latin typeface="Aldus LT Roman" panose="02000503080000020003" pitchFamily="2" charset="0"/>
              </a:rPr>
              <a:t/>
            </a:r>
            <a:br>
              <a:rPr lang="en-US" dirty="0" smtClean="0">
                <a:solidFill>
                  <a:srgbClr val="002D90"/>
                </a:solidFill>
                <a:latin typeface="Aldus LT Roman" panose="02000503080000020003" pitchFamily="2" charset="0"/>
              </a:rPr>
            </a:br>
            <a:r>
              <a:rPr lang="en-US" dirty="0" smtClean="0">
                <a:solidFill>
                  <a:srgbClr val="002D90"/>
                </a:solidFill>
                <a:latin typeface="Aldus LT Roman" panose="02000503080000020003" pitchFamily="2" charset="0"/>
              </a:rPr>
              <a:t>A Cognitive Training Quiz Application</a:t>
            </a:r>
            <a:endParaRPr lang="en-US" dirty="0">
              <a:solidFill>
                <a:srgbClr val="002D90"/>
              </a:solidFill>
              <a:latin typeface="Aldus LT Roman" panose="02000503080000020003" pitchFamily="2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4223793"/>
            <a:ext cx="9144000" cy="1655762"/>
          </a:xfrm>
        </p:spPr>
        <p:txBody>
          <a:bodyPr>
            <a:normAutofit lnSpcReduction="10000"/>
          </a:bodyPr>
          <a:lstStyle/>
          <a:p>
            <a:r>
              <a:rPr lang="en-US" sz="2600" b="1" dirty="0" smtClean="0">
                <a:latin typeface="Corbel" panose="020B0503020204020204" pitchFamily="34" charset="0"/>
              </a:rPr>
              <a:t>Ran Liu, Nick Uebele</a:t>
            </a:r>
          </a:p>
          <a:p>
            <a:endParaRPr lang="en-US" dirty="0">
              <a:latin typeface="Corbel" panose="020B0503020204020204" pitchFamily="34" charset="0"/>
            </a:endParaRPr>
          </a:p>
          <a:p>
            <a:r>
              <a:rPr lang="en-US" sz="2000" dirty="0" smtClean="0">
                <a:latin typeface="Corbel" panose="020B0503020204020204" pitchFamily="34" charset="0"/>
              </a:rPr>
              <a:t>Mentors:</a:t>
            </a:r>
          </a:p>
          <a:p>
            <a:r>
              <a:rPr lang="en-US" sz="2000" dirty="0" smtClean="0">
                <a:latin typeface="Corbel" panose="020B0503020204020204" pitchFamily="34" charset="0"/>
              </a:rPr>
              <a:t>Michael Cohen, Gorkem Sevinc, Yuri Agrawal</a:t>
            </a:r>
          </a:p>
          <a:p>
            <a:endParaRPr lang="en-US" dirty="0">
              <a:latin typeface="Corbel" panose="020B05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625208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liverabl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Design documents</a:t>
            </a:r>
          </a:p>
          <a:p>
            <a:r>
              <a:rPr lang="en-US" dirty="0" smtClean="0"/>
              <a:t>Production code</a:t>
            </a:r>
          </a:p>
          <a:p>
            <a:r>
              <a:rPr lang="en-US" dirty="0" smtClean="0"/>
              <a:t>Iterations on the above</a:t>
            </a:r>
          </a:p>
          <a:p>
            <a:pPr lvl="1"/>
            <a:r>
              <a:rPr lang="en-US" dirty="0" smtClean="0"/>
              <a:t>Particularly on refining UI/UX</a:t>
            </a:r>
          </a:p>
          <a:p>
            <a:pPr lvl="1"/>
            <a:r>
              <a:rPr lang="en-US" dirty="0" smtClean="0"/>
              <a:t>Build, deploy, obtain feedback, revise desig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760477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liverabl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2279650"/>
            <a:ext cx="10515600" cy="3894137"/>
          </a:xfrm>
        </p:spPr>
        <p:txBody>
          <a:bodyPr>
            <a:normAutofit fontScale="70000" lnSpcReduction="20000"/>
          </a:bodyPr>
          <a:lstStyle/>
          <a:p>
            <a:r>
              <a:rPr lang="en-US" b="1" dirty="0" smtClean="0"/>
              <a:t>Minimum:</a:t>
            </a:r>
          </a:p>
          <a:p>
            <a:pPr lvl="1"/>
            <a:r>
              <a:rPr lang="en-US" dirty="0" smtClean="0"/>
              <a:t>Design documents &amp; UI mockup</a:t>
            </a:r>
          </a:p>
          <a:p>
            <a:pPr lvl="1"/>
            <a:r>
              <a:rPr lang="en-US" dirty="0" smtClean="0"/>
              <a:t>HIPAA-Compliant, Encrypted Database</a:t>
            </a:r>
          </a:p>
          <a:p>
            <a:pPr lvl="1"/>
            <a:r>
              <a:rPr lang="en-US" dirty="0" smtClean="0"/>
              <a:t>Serve the quiz (3 out of 5 modules)</a:t>
            </a:r>
          </a:p>
          <a:p>
            <a:pPr lvl="1"/>
            <a:r>
              <a:rPr lang="en-US" dirty="0" smtClean="0"/>
              <a:t>Working </a:t>
            </a:r>
            <a:r>
              <a:rPr lang="en-US" dirty="0" err="1" smtClean="0"/>
              <a:t>barebone</a:t>
            </a:r>
            <a:r>
              <a:rPr lang="en-US" dirty="0" smtClean="0"/>
              <a:t> interface</a:t>
            </a:r>
          </a:p>
          <a:p>
            <a:r>
              <a:rPr lang="en-US" b="1" dirty="0" smtClean="0"/>
              <a:t>Expected:</a:t>
            </a:r>
            <a:endParaRPr lang="en-US" dirty="0" smtClean="0"/>
          </a:p>
          <a:p>
            <a:pPr lvl="1"/>
            <a:r>
              <a:rPr lang="en-US" dirty="0" smtClean="0"/>
              <a:t>Serve all 5 modules of the quiz</a:t>
            </a:r>
          </a:p>
          <a:p>
            <a:pPr lvl="1"/>
            <a:r>
              <a:rPr lang="en-US" dirty="0" smtClean="0"/>
              <a:t>Store results, allow patients to view own results, allow physicians to view their patent’s results</a:t>
            </a:r>
          </a:p>
          <a:p>
            <a:pPr lvl="1"/>
            <a:r>
              <a:rPr lang="en-US" dirty="0" smtClean="0"/>
              <a:t>Polished UI</a:t>
            </a:r>
          </a:p>
          <a:p>
            <a:pPr lvl="1"/>
            <a:r>
              <a:rPr lang="en-US" dirty="0" smtClean="0"/>
              <a:t>Plot performance history over time</a:t>
            </a:r>
          </a:p>
          <a:p>
            <a:r>
              <a:rPr lang="en-US" b="1" dirty="0" smtClean="0"/>
              <a:t>Maximum:</a:t>
            </a:r>
            <a:endParaRPr lang="en-US" dirty="0" smtClean="0"/>
          </a:p>
          <a:p>
            <a:pPr lvl="1"/>
            <a:r>
              <a:rPr lang="en-US" dirty="0" smtClean="0"/>
              <a:t>Data analytics on stored data</a:t>
            </a:r>
          </a:p>
          <a:p>
            <a:pPr lvl="1"/>
            <a:r>
              <a:rPr lang="en-US" dirty="0" smtClean="0"/>
              <a:t>Allow for advanced queries on data</a:t>
            </a:r>
          </a:p>
          <a:p>
            <a:pPr lvl="1"/>
            <a:r>
              <a:rPr lang="en-US" dirty="0" smtClean="0"/>
              <a:t>Conduct usability studies/pilot studies with actual patients</a:t>
            </a:r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pPr lvl="1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50459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pendencies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838200" y="2279651"/>
            <a:ext cx="10782300" cy="3897312"/>
          </a:xfrm>
        </p:spPr>
        <p:txBody>
          <a:bodyPr/>
          <a:lstStyle/>
          <a:p>
            <a:r>
              <a:rPr lang="en-US" dirty="0"/>
              <a:t>Software dependency management: </a:t>
            </a:r>
            <a:r>
              <a:rPr lang="en-US" dirty="0" err="1"/>
              <a:t>npm</a:t>
            </a:r>
            <a:r>
              <a:rPr lang="en-US" dirty="0"/>
              <a:t>, bower, </a:t>
            </a:r>
            <a:r>
              <a:rPr lang="en-US" dirty="0" err="1"/>
              <a:t>mvn</a:t>
            </a:r>
            <a:r>
              <a:rPr lang="en-US" dirty="0"/>
              <a:t> – </a:t>
            </a:r>
            <a:r>
              <a:rPr lang="en-US" b="1" dirty="0" smtClean="0"/>
              <a:t>Done</a:t>
            </a:r>
            <a:endParaRPr lang="en-US" dirty="0" smtClean="0"/>
          </a:p>
          <a:p>
            <a:r>
              <a:rPr lang="en-US" dirty="0" smtClean="0"/>
              <a:t>Test question illustrations – </a:t>
            </a:r>
            <a:r>
              <a:rPr lang="en-US" b="1" dirty="0" smtClean="0"/>
              <a:t>Arts as Applied to Medicine Department</a:t>
            </a:r>
            <a:endParaRPr lang="en-US" dirty="0" smtClean="0"/>
          </a:p>
          <a:p>
            <a:r>
              <a:rPr lang="en-US" dirty="0" smtClean="0"/>
              <a:t>Stash (</a:t>
            </a:r>
            <a:r>
              <a:rPr lang="en-US" dirty="0" err="1" smtClean="0"/>
              <a:t>Git</a:t>
            </a:r>
            <a:r>
              <a:rPr lang="en-US" dirty="0" smtClean="0"/>
              <a:t>) access – </a:t>
            </a:r>
            <a:r>
              <a:rPr lang="en-US" b="1" dirty="0" smtClean="0"/>
              <a:t>Pending (waiting for confirmation from Michael)</a:t>
            </a:r>
            <a:endParaRPr lang="en-US" dirty="0" smtClean="0"/>
          </a:p>
          <a:p>
            <a:r>
              <a:rPr lang="en-US" dirty="0" smtClean="0"/>
              <a:t>Jira access – </a:t>
            </a:r>
            <a:r>
              <a:rPr lang="en-US" b="1" dirty="0" smtClean="0"/>
              <a:t>Pending </a:t>
            </a:r>
            <a:r>
              <a:rPr lang="en-US" b="1" dirty="0"/>
              <a:t>(waiting for confirmation from Michael</a:t>
            </a:r>
            <a:r>
              <a:rPr lang="en-US" b="1" dirty="0" smtClean="0"/>
              <a:t>)</a:t>
            </a:r>
            <a:endParaRPr lang="en-US" dirty="0" smtClean="0"/>
          </a:p>
          <a:p>
            <a:r>
              <a:rPr lang="en-US" dirty="0" smtClean="0"/>
              <a:t>Possible deployment environment – </a:t>
            </a:r>
            <a:r>
              <a:rPr lang="en-US" b="1" dirty="0" smtClean="0"/>
              <a:t>Pend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63778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IPAA Complianc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Full-database encryption, user authentication, HTTPS, access logs</a:t>
            </a:r>
          </a:p>
          <a:p>
            <a:r>
              <a:rPr lang="en-US" dirty="0" smtClean="0"/>
              <a:t>Consult Mike regarding security in general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423656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anagement Plan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Team meetings: Sundays and Wednesdays</a:t>
            </a:r>
          </a:p>
          <a:p>
            <a:r>
              <a:rPr lang="en-US" dirty="0" smtClean="0"/>
              <a:t>Weekly meeting with TIC: Wednesday 12:00-1:00 PM</a:t>
            </a:r>
          </a:p>
          <a:p>
            <a:r>
              <a:rPr lang="en-US" dirty="0" smtClean="0"/>
              <a:t>Use Jira for project management and Stash (</a:t>
            </a:r>
            <a:r>
              <a:rPr lang="en-US" dirty="0" err="1" smtClean="0"/>
              <a:t>Git</a:t>
            </a:r>
            <a:r>
              <a:rPr lang="en-US" dirty="0" smtClean="0"/>
              <a:t>) for version control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14</a:t>
            </a:fld>
            <a:endParaRPr lang="en-US" dirty="0"/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86467471"/>
              </p:ext>
            </p:extLst>
          </p:nvPr>
        </p:nvGraphicFramePr>
        <p:xfrm>
          <a:off x="2032000" y="3898900"/>
          <a:ext cx="8128000" cy="178990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64000"/>
                <a:gridCol w="4064000"/>
              </a:tblGrid>
              <a:tr h="408147">
                <a:tc>
                  <a:txBody>
                    <a:bodyPr/>
                    <a:lstStyle/>
                    <a:p>
                      <a:pPr algn="ctr"/>
                      <a:r>
                        <a:rPr lang="en-US" b="1" dirty="0" smtClean="0"/>
                        <a:t>Ran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 smtClean="0"/>
                        <a:t>Nick</a:t>
                      </a:r>
                      <a:endParaRPr lang="en-US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Encryption</a:t>
                      </a:r>
                      <a:r>
                        <a:rPr lang="en-US" baseline="0" dirty="0" smtClean="0"/>
                        <a:t> and Creation of Database, Backen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UI Design</a:t>
                      </a:r>
                      <a:r>
                        <a:rPr lang="en-US" baseline="0" dirty="0" smtClean="0"/>
                        <a:t> and Mockup Creation</a:t>
                      </a:r>
                      <a:endParaRPr lang="en-US" dirty="0" smtClean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Data Storage/View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User Studies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 gridSpan="2"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Polish UI</a:t>
                      </a:r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4279531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5" name="OTLSHAPE_T_dfa71be245dd40dc813a5647f67204e4_HorizontalConnector1"/>
          <p:cNvCxnSpPr/>
          <p:nvPr>
            <p:custDataLst>
              <p:tags r:id="rId1"/>
            </p:custDataLst>
          </p:nvPr>
        </p:nvCxnSpPr>
        <p:spPr>
          <a:xfrm>
            <a:off x="3436451" y="6483791"/>
            <a:ext cx="4067541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_9f8a22287fe14221a048b90c3a18234c_HorizontalConnector1"/>
          <p:cNvCxnSpPr/>
          <p:nvPr>
            <p:custDataLst>
              <p:tags r:id="rId2"/>
            </p:custDataLst>
          </p:nvPr>
        </p:nvCxnSpPr>
        <p:spPr>
          <a:xfrm>
            <a:off x="2310977" y="6217091"/>
            <a:ext cx="5790345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T_f481037d1e8f4a8890985127b036983f_HorizontalConnector1"/>
          <p:cNvCxnSpPr/>
          <p:nvPr>
            <p:custDataLst>
              <p:tags r:id="rId3"/>
            </p:custDataLst>
          </p:nvPr>
        </p:nvCxnSpPr>
        <p:spPr>
          <a:xfrm>
            <a:off x="2338535" y="5950391"/>
            <a:ext cx="4909458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T_51b5d2f89e074dd497db86b57ae345de_HorizontalConnector1"/>
          <p:cNvCxnSpPr/>
          <p:nvPr>
            <p:custDataLst>
              <p:tags r:id="rId4"/>
            </p:custDataLst>
          </p:nvPr>
        </p:nvCxnSpPr>
        <p:spPr>
          <a:xfrm>
            <a:off x="1461939" y="5683691"/>
            <a:ext cx="5786054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T_9b53889adc1140088668c4f2435e9747_HorizontalConnector1"/>
          <p:cNvCxnSpPr/>
          <p:nvPr>
            <p:custDataLst>
              <p:tags r:id="rId5"/>
            </p:custDataLst>
          </p:nvPr>
        </p:nvCxnSpPr>
        <p:spPr>
          <a:xfrm>
            <a:off x="3390815" y="5416991"/>
            <a:ext cx="2321188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T_741f25628db1437982207a864c4f53e5_HorizontalConnector1"/>
          <p:cNvCxnSpPr/>
          <p:nvPr>
            <p:custDataLst>
              <p:tags r:id="rId6"/>
            </p:custDataLst>
          </p:nvPr>
        </p:nvCxnSpPr>
        <p:spPr>
          <a:xfrm>
            <a:off x="633476" y="5150291"/>
            <a:ext cx="362786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_ae40182a40ab4bed81a6ae646d4e9540_HorizontalConnector1"/>
          <p:cNvCxnSpPr/>
          <p:nvPr>
            <p:custDataLst>
              <p:tags r:id="rId7"/>
            </p:custDataLst>
          </p:nvPr>
        </p:nvCxnSpPr>
        <p:spPr>
          <a:xfrm>
            <a:off x="1399625" y="4883591"/>
            <a:ext cx="286172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T_5822a82ccc544dc3887e1c2d947bd355_HorizontalConnector1"/>
          <p:cNvCxnSpPr/>
          <p:nvPr>
            <p:custDataLst>
              <p:tags r:id="rId8"/>
            </p:custDataLst>
          </p:nvPr>
        </p:nvCxnSpPr>
        <p:spPr>
          <a:xfrm>
            <a:off x="2377524" y="4616891"/>
            <a:ext cx="1201158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25dbbea63510424a94d889aad8396175_HorizontalConnector1"/>
          <p:cNvCxnSpPr/>
          <p:nvPr>
            <p:custDataLst>
              <p:tags r:id="rId9"/>
            </p:custDataLst>
          </p:nvPr>
        </p:nvCxnSpPr>
        <p:spPr>
          <a:xfrm>
            <a:off x="2277534" y="4350191"/>
            <a:ext cx="70381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_59fcc63cfc634025907a8d292a4d1192_HorizontalConnector1"/>
          <p:cNvCxnSpPr/>
          <p:nvPr>
            <p:custDataLst>
              <p:tags r:id="rId10"/>
            </p:custDataLst>
          </p:nvPr>
        </p:nvCxnSpPr>
        <p:spPr>
          <a:xfrm>
            <a:off x="1551559" y="4083491"/>
            <a:ext cx="2112456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T_9f6844b7e8a4490f9a0ea3a8fb10d0e5_HorizontalConnector1"/>
          <p:cNvCxnSpPr/>
          <p:nvPr>
            <p:custDataLst>
              <p:tags r:id="rId11"/>
            </p:custDataLst>
          </p:nvPr>
        </p:nvCxnSpPr>
        <p:spPr>
          <a:xfrm>
            <a:off x="2362115" y="3816791"/>
            <a:ext cx="96056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_16d6ac5d758d41d2972463f400839aa5_HorizontalConnector1"/>
          <p:cNvCxnSpPr/>
          <p:nvPr>
            <p:custDataLst>
              <p:tags r:id="rId12"/>
            </p:custDataLst>
          </p:nvPr>
        </p:nvCxnSpPr>
        <p:spPr>
          <a:xfrm>
            <a:off x="968248" y="3550091"/>
            <a:ext cx="2013105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_0302b935796046a083c96e6ad69765f4_HorizontalConnector1"/>
          <p:cNvCxnSpPr/>
          <p:nvPr>
            <p:custDataLst>
              <p:tags r:id="rId13"/>
            </p:custDataLst>
          </p:nvPr>
        </p:nvCxnSpPr>
        <p:spPr>
          <a:xfrm>
            <a:off x="1612392" y="3283391"/>
            <a:ext cx="1112962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_2eebd42983d64f5da7acb6434e29c86a_HorizontalConnector1"/>
          <p:cNvCxnSpPr/>
          <p:nvPr>
            <p:custDataLst>
              <p:tags r:id="rId14"/>
            </p:custDataLst>
          </p:nvPr>
        </p:nvCxnSpPr>
        <p:spPr>
          <a:xfrm>
            <a:off x="2100792" y="3016691"/>
            <a:ext cx="19789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_f7cdc9d4d19c4f27a00d83f0de81ff36_HorizontalConnector1"/>
          <p:cNvCxnSpPr/>
          <p:nvPr>
            <p:custDataLst>
              <p:tags r:id="rId15"/>
            </p:custDataLst>
          </p:nvPr>
        </p:nvCxnSpPr>
        <p:spPr>
          <a:xfrm>
            <a:off x="1615144" y="2749991"/>
            <a:ext cx="683547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_29cd0c307ead420c87b0d21c95e05b2d_HorizontalConnector1"/>
          <p:cNvCxnSpPr/>
          <p:nvPr>
            <p:custDataLst>
              <p:tags r:id="rId16"/>
            </p:custDataLst>
          </p:nvPr>
        </p:nvCxnSpPr>
        <p:spPr>
          <a:xfrm>
            <a:off x="1439376" y="2483291"/>
            <a:ext cx="261985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M_241def46d8a642049423f353305f96dc_Connector1"/>
          <p:cNvCxnSpPr/>
          <p:nvPr>
            <p:custDataLst>
              <p:tags r:id="rId17"/>
            </p:custDataLst>
          </p:nvPr>
        </p:nvCxnSpPr>
        <p:spPr>
          <a:xfrm>
            <a:off x="9131665" y="1222575"/>
            <a:ext cx="0" cy="339918"/>
          </a:xfrm>
          <a:prstGeom prst="line">
            <a:avLst/>
          </a:prstGeom>
          <a:ln w="635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M_2a87fb0161cd4da3b81dbf72dbe12ad6_Connector1"/>
          <p:cNvCxnSpPr/>
          <p:nvPr>
            <p:custDataLst>
              <p:tags r:id="rId18"/>
            </p:custDataLst>
          </p:nvPr>
        </p:nvCxnSpPr>
        <p:spPr>
          <a:xfrm>
            <a:off x="9131665" y="878997"/>
            <a:ext cx="0" cy="683496"/>
          </a:xfrm>
          <a:prstGeom prst="line">
            <a:avLst/>
          </a:prstGeom>
          <a:ln w="635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M_3a167c10a5ee4c878fe62725fcb0fe7e_Connector1"/>
          <p:cNvCxnSpPr/>
          <p:nvPr>
            <p:custDataLst>
              <p:tags r:id="rId19"/>
            </p:custDataLst>
          </p:nvPr>
        </p:nvCxnSpPr>
        <p:spPr>
          <a:xfrm>
            <a:off x="7339676" y="1036575"/>
            <a:ext cx="0" cy="525918"/>
          </a:xfrm>
          <a:prstGeom prst="line">
            <a:avLst/>
          </a:prstGeom>
          <a:ln w="635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M_2199774a91a94f97a7263a6ff9a62a30_Connector1"/>
          <p:cNvCxnSpPr/>
          <p:nvPr>
            <p:custDataLst>
              <p:tags r:id="rId20"/>
            </p:custDataLst>
          </p:nvPr>
        </p:nvCxnSpPr>
        <p:spPr>
          <a:xfrm>
            <a:off x="5462355" y="1089715"/>
            <a:ext cx="0" cy="472778"/>
          </a:xfrm>
          <a:prstGeom prst="line">
            <a:avLst/>
          </a:prstGeom>
          <a:ln w="635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M_df80f5f6365745109c488247b6b2481c_Connector1"/>
          <p:cNvCxnSpPr/>
          <p:nvPr>
            <p:custDataLst>
              <p:tags r:id="rId21"/>
            </p:custDataLst>
          </p:nvPr>
        </p:nvCxnSpPr>
        <p:spPr>
          <a:xfrm>
            <a:off x="4267695" y="938615"/>
            <a:ext cx="0" cy="623878"/>
          </a:xfrm>
          <a:prstGeom prst="line">
            <a:avLst/>
          </a:prstGeom>
          <a:ln w="635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TB_00000000000000000000000000000000_LeftEndCaps"/>
          <p:cNvSpPr txBox="1"/>
          <p:nvPr>
            <p:custDataLst>
              <p:tags r:id="rId22"/>
            </p:custDataLst>
          </p:nvPr>
        </p:nvSpPr>
        <p:spPr>
          <a:xfrm>
            <a:off x="317500" y="161346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B_00000000000000000000000000000000_ScaleContainer"/>
          <p:cNvSpPr/>
          <p:nvPr>
            <p:custDataLst>
              <p:tags r:id="rId23"/>
            </p:custDataLst>
          </p:nvPr>
        </p:nvSpPr>
        <p:spPr>
          <a:xfrm>
            <a:off x="933365" y="1562493"/>
            <a:ext cx="10337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B_00000000000000000000000000000000_ElapsedTime"/>
          <p:cNvSpPr/>
          <p:nvPr>
            <p:custDataLst>
              <p:tags r:id="rId24"/>
            </p:custDataLst>
          </p:nvPr>
        </p:nvSpPr>
        <p:spPr>
          <a:xfrm>
            <a:off x="933365" y="1867293"/>
            <a:ext cx="20574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B_00000000000000000000000000000000_TodayMarkerShape"/>
          <p:cNvSpPr/>
          <p:nvPr>
            <p:custDataLst>
              <p:tags r:id="rId25"/>
            </p:custDataLst>
          </p:nvPr>
        </p:nvSpPr>
        <p:spPr>
          <a:xfrm>
            <a:off x="2925215" y="194349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TB_00000000000000000000000000000000_TodayMarkerText"/>
          <p:cNvSpPr txBox="1"/>
          <p:nvPr>
            <p:custDataLst>
              <p:tags r:id="rId26"/>
            </p:custDataLst>
          </p:nvPr>
        </p:nvSpPr>
        <p:spPr>
          <a:xfrm>
            <a:off x="2799516" y="207049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B_00000000000000000000000000000000_TimescaleInterval1"/>
          <p:cNvSpPr txBox="1"/>
          <p:nvPr>
            <p:custDataLst>
              <p:tags r:id="rId27"/>
            </p:custDataLst>
          </p:nvPr>
        </p:nvSpPr>
        <p:spPr>
          <a:xfrm>
            <a:off x="996865" y="1659966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2" name="OTLSHAPE_TB_00000000000000000000000000000000_Separator1"/>
          <p:cNvCxnSpPr/>
          <p:nvPr>
            <p:custDataLst>
              <p:tags r:id="rId28"/>
            </p:custDataLst>
          </p:nvPr>
        </p:nvCxnSpPr>
        <p:spPr>
          <a:xfrm>
            <a:off x="3408016" y="165139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B_00000000000000000000000000000000_TimescaleInterval2"/>
          <p:cNvSpPr txBox="1"/>
          <p:nvPr>
            <p:custDataLst>
              <p:tags r:id="rId29"/>
            </p:custDataLst>
          </p:nvPr>
        </p:nvSpPr>
        <p:spPr>
          <a:xfrm>
            <a:off x="3471517" y="165996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B_00000000000000000000000000000000_Separator2"/>
          <p:cNvCxnSpPr/>
          <p:nvPr>
            <p:custDataLst>
              <p:tags r:id="rId30"/>
            </p:custDataLst>
          </p:nvPr>
        </p:nvCxnSpPr>
        <p:spPr>
          <a:xfrm>
            <a:off x="6053333" y="165139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TB_00000000000000000000000000000000_TimescaleInterval3"/>
          <p:cNvSpPr txBox="1"/>
          <p:nvPr>
            <p:custDataLst>
              <p:tags r:id="rId31"/>
            </p:custDataLst>
          </p:nvPr>
        </p:nvSpPr>
        <p:spPr>
          <a:xfrm>
            <a:off x="6116834" y="165996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" name="OTLSHAPE_TB_00000000000000000000000000000000_Separator3"/>
          <p:cNvCxnSpPr/>
          <p:nvPr>
            <p:custDataLst>
              <p:tags r:id="rId32"/>
            </p:custDataLst>
          </p:nvPr>
        </p:nvCxnSpPr>
        <p:spPr>
          <a:xfrm>
            <a:off x="8613318" y="165139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8676818" y="165996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M_df80f5f6365745109c488247b6b2481c_Title"/>
          <p:cNvSpPr txBox="1"/>
          <p:nvPr>
            <p:custDataLst>
              <p:tags r:id="rId34"/>
            </p:custDataLst>
          </p:nvPr>
        </p:nvSpPr>
        <p:spPr>
          <a:xfrm>
            <a:off x="4489945" y="826644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Min Deliverables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M_df80f5f6365745109c488247b6b2481c_Date"/>
          <p:cNvSpPr txBox="1"/>
          <p:nvPr>
            <p:custDataLst>
              <p:tags r:id="rId35"/>
            </p:custDataLst>
          </p:nvPr>
        </p:nvSpPr>
        <p:spPr>
          <a:xfrm>
            <a:off x="4489945" y="100986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0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M_df80f5f6365745109c488247b6b2481c_Shape"/>
          <p:cNvSpPr/>
          <p:nvPr>
            <p:custDataLst>
              <p:tags r:id="rId36"/>
            </p:custDataLst>
          </p:nvPr>
        </p:nvSpPr>
        <p:spPr>
          <a:xfrm rot="16200000">
            <a:off x="4293095" y="938616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M_2199774a91a94f97a7263a6ff9a62a30_Title"/>
          <p:cNvSpPr txBox="1"/>
          <p:nvPr>
            <p:custDataLst>
              <p:tags r:id="rId37"/>
            </p:custDataLst>
          </p:nvPr>
        </p:nvSpPr>
        <p:spPr>
          <a:xfrm>
            <a:off x="5684605" y="977743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aper Semin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M_2199774a91a94f97a7263a6ff9a62a30_Date"/>
          <p:cNvSpPr txBox="1"/>
          <p:nvPr>
            <p:custDataLst>
              <p:tags r:id="rId38"/>
            </p:custDataLst>
          </p:nvPr>
        </p:nvSpPr>
        <p:spPr>
          <a:xfrm>
            <a:off x="5684605" y="116096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24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M_2199774a91a94f97a7263a6ff9a62a30_Shape"/>
          <p:cNvSpPr/>
          <p:nvPr>
            <p:custDataLst>
              <p:tags r:id="rId39"/>
            </p:custDataLst>
          </p:nvPr>
        </p:nvSpPr>
        <p:spPr>
          <a:xfrm rot="16200000">
            <a:off x="5487755" y="108971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M_3a167c10a5ee4c878fe62725fcb0fe7e_Title"/>
          <p:cNvSpPr txBox="1"/>
          <p:nvPr>
            <p:custDataLst>
              <p:tags r:id="rId40"/>
            </p:custDataLst>
          </p:nvPr>
        </p:nvSpPr>
        <p:spPr>
          <a:xfrm>
            <a:off x="7561926" y="924603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Expected Deliverable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M_3a167c10a5ee4c878fe62725fcb0fe7e_Date"/>
          <p:cNvSpPr txBox="1"/>
          <p:nvPr>
            <p:custDataLst>
              <p:tags r:id="rId41"/>
            </p:custDataLst>
          </p:nvPr>
        </p:nvSpPr>
        <p:spPr>
          <a:xfrm>
            <a:off x="7561926" y="110782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3a167c10a5ee4c878fe62725fcb0fe7e_Shape"/>
          <p:cNvSpPr/>
          <p:nvPr>
            <p:custDataLst>
              <p:tags r:id="rId42"/>
            </p:custDataLst>
          </p:nvPr>
        </p:nvSpPr>
        <p:spPr>
          <a:xfrm rot="16200000">
            <a:off x="7365076" y="103657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M_2a87fb0161cd4da3b81dbf72dbe12ad6_Title"/>
          <p:cNvSpPr txBox="1"/>
          <p:nvPr>
            <p:custDataLst>
              <p:tags r:id="rId43"/>
            </p:custDataLst>
          </p:nvPr>
        </p:nvSpPr>
        <p:spPr>
          <a:xfrm>
            <a:off x="9353915" y="767025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aximum Deliverable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M_2a87fb0161cd4da3b81dbf72dbe12ad6_Date"/>
          <p:cNvSpPr txBox="1"/>
          <p:nvPr>
            <p:custDataLst>
              <p:tags r:id="rId44"/>
            </p:custDataLst>
          </p:nvPr>
        </p:nvSpPr>
        <p:spPr>
          <a:xfrm>
            <a:off x="9353915" y="95024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5/6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2a87fb0161cd4da3b81dbf72dbe12ad6_Shape"/>
          <p:cNvSpPr/>
          <p:nvPr>
            <p:custDataLst>
              <p:tags r:id="rId45"/>
            </p:custDataLst>
          </p:nvPr>
        </p:nvSpPr>
        <p:spPr>
          <a:xfrm rot="16200000">
            <a:off x="9157065" y="878997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M_241def46d8a642049423f353305f96dc_Title"/>
          <p:cNvSpPr txBox="1"/>
          <p:nvPr>
            <p:custDataLst>
              <p:tags r:id="rId46"/>
            </p:custDataLst>
          </p:nvPr>
        </p:nvSpPr>
        <p:spPr>
          <a:xfrm>
            <a:off x="9353915" y="1110603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Final Poster Sess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M_241def46d8a642049423f353305f96dc_Date"/>
          <p:cNvSpPr txBox="1"/>
          <p:nvPr>
            <p:custDataLst>
              <p:tags r:id="rId47"/>
            </p:custDataLst>
          </p:nvPr>
        </p:nvSpPr>
        <p:spPr>
          <a:xfrm>
            <a:off x="9353915" y="129382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5/6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241def46d8a642049423f353305f96dc_Shape"/>
          <p:cNvSpPr/>
          <p:nvPr>
            <p:custDataLst>
              <p:tags r:id="rId48"/>
            </p:custDataLst>
          </p:nvPr>
        </p:nvSpPr>
        <p:spPr>
          <a:xfrm rot="16200000">
            <a:off x="9157065" y="122257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29cd0c307ead420c87b0d21c95e05b2d_Shape"/>
          <p:cNvSpPr/>
          <p:nvPr>
            <p:custDataLst>
              <p:tags r:id="rId49"/>
            </p:custDataLst>
          </p:nvPr>
        </p:nvSpPr>
        <p:spPr>
          <a:xfrm>
            <a:off x="1701361" y="2381691"/>
            <a:ext cx="26543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T_29cd0c307ead420c87b0d21c95e05b2d_JoinedDate"/>
          <p:cNvSpPr txBox="1"/>
          <p:nvPr>
            <p:custDataLst>
              <p:tags r:id="rId50"/>
            </p:custDataLst>
          </p:nvPr>
        </p:nvSpPr>
        <p:spPr>
          <a:xfrm>
            <a:off x="4397478" y="240577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0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29cd0c307ead420c87b0d21c95e05b2d_Title"/>
          <p:cNvSpPr txBox="1"/>
          <p:nvPr>
            <p:custDataLst>
              <p:tags r:id="rId51"/>
            </p:custDataLst>
          </p:nvPr>
        </p:nvSpPr>
        <p:spPr>
          <a:xfrm>
            <a:off x="127000" y="2398032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inimum Deliverable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f7cdc9d4d19c4f27a00d83f0de81ff36_Shape"/>
          <p:cNvSpPr/>
          <p:nvPr>
            <p:custDataLst>
              <p:tags r:id="rId52"/>
            </p:custDataLst>
          </p:nvPr>
        </p:nvSpPr>
        <p:spPr>
          <a:xfrm>
            <a:off x="2298690" y="2648391"/>
            <a:ext cx="5207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T_f7cdc9d4d19c4f27a00d83f0de81ff36_JoinedDate"/>
          <p:cNvSpPr txBox="1"/>
          <p:nvPr>
            <p:custDataLst>
              <p:tags r:id="rId53"/>
            </p:custDataLst>
          </p:nvPr>
        </p:nvSpPr>
        <p:spPr>
          <a:xfrm>
            <a:off x="2861487" y="267247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7/2016 - 2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f7cdc9d4d19c4f27a00d83f0de81ff36_Title"/>
          <p:cNvSpPr txBox="1"/>
          <p:nvPr>
            <p:custDataLst>
              <p:tags r:id="rId54"/>
            </p:custDataLst>
          </p:nvPr>
        </p:nvSpPr>
        <p:spPr>
          <a:xfrm>
            <a:off x="127000" y="2664732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Design Document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2eebd42983d64f5da7acb6434e29c86a_Shape"/>
          <p:cNvSpPr/>
          <p:nvPr>
            <p:custDataLst>
              <p:tags r:id="rId55"/>
            </p:custDataLst>
          </p:nvPr>
        </p:nvSpPr>
        <p:spPr>
          <a:xfrm>
            <a:off x="2298690" y="2915091"/>
            <a:ext cx="6096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2eebd42983d64f5da7acb6434e29c86a_JoinedDate"/>
          <p:cNvSpPr txBox="1"/>
          <p:nvPr>
            <p:custDataLst>
              <p:tags r:id="rId56"/>
            </p:custDataLst>
          </p:nvPr>
        </p:nvSpPr>
        <p:spPr>
          <a:xfrm>
            <a:off x="2946820" y="293917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7/2016 - 2/23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2eebd42983d64f5da7acb6434e29c86a_Title"/>
          <p:cNvSpPr txBox="1"/>
          <p:nvPr>
            <p:custDataLst>
              <p:tags r:id="rId57"/>
            </p:custDataLst>
          </p:nvPr>
        </p:nvSpPr>
        <p:spPr>
          <a:xfrm>
            <a:off x="127000" y="2931432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velop Project Plan Present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0302b935796046a083c96e6ad69765f4_Shape"/>
          <p:cNvSpPr/>
          <p:nvPr>
            <p:custDataLst>
              <p:tags r:id="rId58"/>
            </p:custDataLst>
          </p:nvPr>
        </p:nvSpPr>
        <p:spPr>
          <a:xfrm>
            <a:off x="2725354" y="3181791"/>
            <a:ext cx="3429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T_0302b935796046a083c96e6ad69765f4_JoinedDate"/>
          <p:cNvSpPr txBox="1"/>
          <p:nvPr>
            <p:custDataLst>
              <p:tags r:id="rId59"/>
            </p:custDataLst>
          </p:nvPr>
        </p:nvSpPr>
        <p:spPr>
          <a:xfrm>
            <a:off x="3117486" y="320587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2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0302b935796046a083c96e6ad69765f4_Title"/>
          <p:cNvSpPr txBox="1"/>
          <p:nvPr>
            <p:custDataLst>
              <p:tags r:id="rId60"/>
            </p:custDataLst>
          </p:nvPr>
        </p:nvSpPr>
        <p:spPr>
          <a:xfrm>
            <a:off x="127000" y="3198132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rite Formal Project Pla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16d6ac5d758d41d2972463f400839aa5_Shape"/>
          <p:cNvSpPr/>
          <p:nvPr>
            <p:custDataLst>
              <p:tags r:id="rId61"/>
            </p:custDataLst>
          </p:nvPr>
        </p:nvSpPr>
        <p:spPr>
          <a:xfrm>
            <a:off x="2981353" y="3448491"/>
            <a:ext cx="685800" cy="2032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T_16d6ac5d758d41d2972463f400839aa5_JoinedDate"/>
          <p:cNvSpPr txBox="1"/>
          <p:nvPr>
            <p:custDataLst>
              <p:tags r:id="rId62"/>
            </p:custDataLst>
          </p:nvPr>
        </p:nvSpPr>
        <p:spPr>
          <a:xfrm>
            <a:off x="3714815" y="347257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5/2016 - 3/3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16d6ac5d758d41d2972463f400839aa5_Title"/>
          <p:cNvSpPr txBox="1"/>
          <p:nvPr>
            <p:custDataLst>
              <p:tags r:id="rId63"/>
            </p:custDataLst>
          </p:nvPr>
        </p:nvSpPr>
        <p:spPr>
          <a:xfrm>
            <a:off x="127000" y="3464832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Write backend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T_9f6844b7e8a4490f9a0ea3a8fb10d0e5_Shape"/>
          <p:cNvSpPr/>
          <p:nvPr>
            <p:custDataLst>
              <p:tags r:id="rId64"/>
            </p:custDataLst>
          </p:nvPr>
        </p:nvSpPr>
        <p:spPr>
          <a:xfrm>
            <a:off x="3322684" y="3715191"/>
            <a:ext cx="8636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T_9f6844b7e8a4490f9a0ea3a8fb10d0e5_JoinedDate"/>
          <p:cNvSpPr txBox="1"/>
          <p:nvPr>
            <p:custDataLst>
              <p:tags r:id="rId65"/>
            </p:custDataLst>
          </p:nvPr>
        </p:nvSpPr>
        <p:spPr>
          <a:xfrm>
            <a:off x="4226812" y="373927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9/2016 - 3/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9f6844b7e8a4490f9a0ea3a8fb10d0e5_Title"/>
          <p:cNvSpPr txBox="1"/>
          <p:nvPr>
            <p:custDataLst>
              <p:tags r:id="rId66"/>
            </p:custDataLst>
          </p:nvPr>
        </p:nvSpPr>
        <p:spPr>
          <a:xfrm>
            <a:off x="127000" y="3731532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eate Application for IRB Certific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T_59fcc63cfc634025907a8d292a4d1192_Shape"/>
          <p:cNvSpPr/>
          <p:nvPr>
            <p:custDataLst>
              <p:tags r:id="rId67"/>
            </p:custDataLst>
          </p:nvPr>
        </p:nvSpPr>
        <p:spPr>
          <a:xfrm>
            <a:off x="3664015" y="3981891"/>
            <a:ext cx="685800" cy="2032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T_59fcc63cfc634025907a8d292a4d1192_JoinedDate"/>
          <p:cNvSpPr txBox="1"/>
          <p:nvPr>
            <p:custDataLst>
              <p:tags r:id="rId68"/>
            </p:custDataLst>
          </p:nvPr>
        </p:nvSpPr>
        <p:spPr>
          <a:xfrm>
            <a:off x="4397478" y="400597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4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T_59fcc63cfc634025907a8d292a4d1192_Title"/>
          <p:cNvSpPr txBox="1"/>
          <p:nvPr>
            <p:custDataLst>
              <p:tags r:id="rId69"/>
            </p:custDataLst>
          </p:nvPr>
        </p:nvSpPr>
        <p:spPr>
          <a:xfrm>
            <a:off x="127000" y="3998232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est and deploy backend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T_25dbbea63510424a94d889aad8396175_Shape"/>
          <p:cNvSpPr/>
          <p:nvPr>
            <p:custDataLst>
              <p:tags r:id="rId70"/>
            </p:custDataLst>
          </p:nvPr>
        </p:nvSpPr>
        <p:spPr>
          <a:xfrm>
            <a:off x="2981353" y="4248591"/>
            <a:ext cx="12827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T_25dbbea63510424a94d889aad8396175_JoinedDate"/>
          <p:cNvSpPr txBox="1"/>
          <p:nvPr>
            <p:custDataLst>
              <p:tags r:id="rId71"/>
            </p:custDataLst>
          </p:nvPr>
        </p:nvSpPr>
        <p:spPr>
          <a:xfrm>
            <a:off x="4312145" y="427267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5/2016 - 3/10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T_25dbbea63510424a94d889aad8396175_Title"/>
          <p:cNvSpPr txBox="1"/>
          <p:nvPr>
            <p:custDataLst>
              <p:tags r:id="rId72"/>
            </p:custDataLst>
          </p:nvPr>
        </p:nvSpPr>
        <p:spPr>
          <a:xfrm>
            <a:off x="127000" y="4264932"/>
            <a:ext cx="215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rite static UI mockups in HTML/CS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T_5822a82ccc544dc3887e1c2d947bd355_Shape"/>
          <p:cNvSpPr/>
          <p:nvPr>
            <p:custDataLst>
              <p:tags r:id="rId73"/>
            </p:custDataLst>
          </p:nvPr>
        </p:nvSpPr>
        <p:spPr>
          <a:xfrm>
            <a:off x="3578682" y="4515291"/>
            <a:ext cx="24765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T_5822a82ccc544dc3887e1c2d947bd355_JoinedDate"/>
          <p:cNvSpPr txBox="1"/>
          <p:nvPr>
            <p:custDataLst>
              <p:tags r:id="rId74"/>
            </p:custDataLst>
          </p:nvPr>
        </p:nvSpPr>
        <p:spPr>
          <a:xfrm>
            <a:off x="6104134" y="453937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3/2016 - 3/3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_5822a82ccc544dc3887e1c2d947bd355_Title"/>
          <p:cNvSpPr txBox="1"/>
          <p:nvPr>
            <p:custDataLst>
              <p:tags r:id="rId75"/>
            </p:custDataLst>
          </p:nvPr>
        </p:nvSpPr>
        <p:spPr>
          <a:xfrm>
            <a:off x="127000" y="4531632"/>
            <a:ext cx="226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velopment of Angular SPA front-en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_ae40182a40ab4bed81a6ae646d4e9540_Shape"/>
          <p:cNvSpPr/>
          <p:nvPr>
            <p:custDataLst>
              <p:tags r:id="rId76"/>
            </p:custDataLst>
          </p:nvPr>
        </p:nvSpPr>
        <p:spPr>
          <a:xfrm>
            <a:off x="4261345" y="4781991"/>
            <a:ext cx="30734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T_ae40182a40ab4bed81a6ae646d4e9540_JoinedDate"/>
          <p:cNvSpPr txBox="1"/>
          <p:nvPr>
            <p:custDataLst>
              <p:tags r:id="rId77"/>
            </p:custDataLst>
          </p:nvPr>
        </p:nvSpPr>
        <p:spPr>
          <a:xfrm>
            <a:off x="7384126" y="480607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1/2016 - 4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T_ae40182a40ab4bed81a6ae646d4e9540_Title"/>
          <p:cNvSpPr txBox="1"/>
          <p:nvPr>
            <p:custDataLst>
              <p:tags r:id="rId78"/>
            </p:custDataLst>
          </p:nvPr>
        </p:nvSpPr>
        <p:spPr>
          <a:xfrm>
            <a:off x="127000" y="4798332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Expected Deliverable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T_741f25628db1437982207a864c4f53e5_Shape"/>
          <p:cNvSpPr/>
          <p:nvPr>
            <p:custDataLst>
              <p:tags r:id="rId79"/>
            </p:custDataLst>
          </p:nvPr>
        </p:nvSpPr>
        <p:spPr>
          <a:xfrm>
            <a:off x="4261345" y="5048691"/>
            <a:ext cx="30734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T_741f25628db1437982207a864c4f53e5_JoinedDate"/>
          <p:cNvSpPr txBox="1"/>
          <p:nvPr>
            <p:custDataLst>
              <p:tags r:id="rId80"/>
            </p:custDataLst>
          </p:nvPr>
        </p:nvSpPr>
        <p:spPr>
          <a:xfrm>
            <a:off x="7384126" y="507277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1/2016 - 4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T_741f25628db1437982207a864c4f53e5_Title"/>
          <p:cNvSpPr txBox="1"/>
          <p:nvPr>
            <p:custDataLst>
              <p:tags r:id="rId81"/>
            </p:custDataLst>
          </p:nvPr>
        </p:nvSpPr>
        <p:spPr>
          <a:xfrm>
            <a:off x="127000" y="5065031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olish UI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9b53889adc1140088668c4f2435e9747_Shape"/>
          <p:cNvSpPr/>
          <p:nvPr>
            <p:custDataLst>
              <p:tags r:id="rId82"/>
            </p:custDataLst>
          </p:nvPr>
        </p:nvSpPr>
        <p:spPr>
          <a:xfrm>
            <a:off x="5712003" y="5315391"/>
            <a:ext cx="16256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T_9b53889adc1140088668c4f2435e9747_JoinedDate"/>
          <p:cNvSpPr txBox="1"/>
          <p:nvPr>
            <p:custDataLst>
              <p:tags r:id="rId83"/>
            </p:custDataLst>
          </p:nvPr>
        </p:nvSpPr>
        <p:spPr>
          <a:xfrm>
            <a:off x="7384126" y="533947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T_9b53889adc1140088668c4f2435e9747_Title"/>
          <p:cNvSpPr txBox="1"/>
          <p:nvPr>
            <p:custDataLst>
              <p:tags r:id="rId84"/>
            </p:custDataLst>
          </p:nvPr>
        </p:nvSpPr>
        <p:spPr>
          <a:xfrm>
            <a:off x="127000" y="5331731"/>
            <a:ext cx="326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lot performance history for both patients and clinician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T_51b5d2f89e074dd497db86b57ae345de_Shape"/>
          <p:cNvSpPr/>
          <p:nvPr>
            <p:custDataLst>
              <p:tags r:id="rId85"/>
            </p:custDataLst>
          </p:nvPr>
        </p:nvSpPr>
        <p:spPr>
          <a:xfrm>
            <a:off x="7247993" y="5582091"/>
            <a:ext cx="18796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T_51b5d2f89e074dd497db86b57ae345de_JoinedDate"/>
          <p:cNvSpPr txBox="1"/>
          <p:nvPr>
            <p:custDataLst>
              <p:tags r:id="rId86"/>
            </p:custDataLst>
          </p:nvPr>
        </p:nvSpPr>
        <p:spPr>
          <a:xfrm>
            <a:off x="9176115" y="560617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T_51b5d2f89e074dd497db86b57ae345de_Title"/>
          <p:cNvSpPr txBox="1"/>
          <p:nvPr>
            <p:custDataLst>
              <p:tags r:id="rId87"/>
            </p:custDataLst>
          </p:nvPr>
        </p:nvSpPr>
        <p:spPr>
          <a:xfrm>
            <a:off x="127000" y="5598431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aximum Deliverable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OTLSHAPE_T_f481037d1e8f4a8890985127b036983f_Shape"/>
          <p:cNvSpPr/>
          <p:nvPr>
            <p:custDataLst>
              <p:tags r:id="rId88"/>
            </p:custDataLst>
          </p:nvPr>
        </p:nvSpPr>
        <p:spPr>
          <a:xfrm>
            <a:off x="7247993" y="5848791"/>
            <a:ext cx="1117600" cy="2032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T_f481037d1e8f4a8890985127b036983f_JoinedDate"/>
          <p:cNvSpPr txBox="1"/>
          <p:nvPr>
            <p:custDataLst>
              <p:tags r:id="rId89"/>
            </p:custDataLst>
          </p:nvPr>
        </p:nvSpPr>
        <p:spPr>
          <a:xfrm>
            <a:off x="8408120" y="587287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5/2016 - 4/27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T_f481037d1e8f4a8890985127b036983f_Title"/>
          <p:cNvSpPr txBox="1"/>
          <p:nvPr>
            <p:custDataLst>
              <p:tags r:id="rId90"/>
            </p:custDataLst>
          </p:nvPr>
        </p:nvSpPr>
        <p:spPr>
          <a:xfrm>
            <a:off x="127000" y="5865131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ement data analytics on quiz data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T_9f8a22287fe14221a048b90c3a18234c_Shape"/>
          <p:cNvSpPr/>
          <p:nvPr>
            <p:custDataLst>
              <p:tags r:id="rId91"/>
            </p:custDataLst>
          </p:nvPr>
        </p:nvSpPr>
        <p:spPr>
          <a:xfrm>
            <a:off x="8101322" y="6115491"/>
            <a:ext cx="1028700" cy="2032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T_9f8a22287fe14221a048b90c3a18234c_JoinedDate"/>
          <p:cNvSpPr txBox="1"/>
          <p:nvPr>
            <p:custDataLst>
              <p:tags r:id="rId92"/>
            </p:custDataLst>
          </p:nvPr>
        </p:nvSpPr>
        <p:spPr>
          <a:xfrm>
            <a:off x="9176115" y="613957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T_9f8a22287fe14221a048b90c3a18234c_Title"/>
          <p:cNvSpPr txBox="1"/>
          <p:nvPr>
            <p:custDataLst>
              <p:tags r:id="rId93"/>
            </p:custDataLst>
          </p:nvPr>
        </p:nvSpPr>
        <p:spPr>
          <a:xfrm>
            <a:off x="127000" y="6131831"/>
            <a:ext cx="218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Enable advanced queries on quiz data</a:t>
            </a:r>
            <a:endParaRPr lang="en-US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T_dfa71be245dd40dc813a5647f67204e4_Shape"/>
          <p:cNvSpPr/>
          <p:nvPr>
            <p:custDataLst>
              <p:tags r:id="rId94"/>
            </p:custDataLst>
          </p:nvPr>
        </p:nvSpPr>
        <p:spPr>
          <a:xfrm>
            <a:off x="7503992" y="6382191"/>
            <a:ext cx="16256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T_dfa71be245dd40dc813a5647f67204e4_JoinedDate"/>
          <p:cNvSpPr txBox="1"/>
          <p:nvPr>
            <p:custDataLst>
              <p:tags r:id="rId95"/>
            </p:custDataLst>
          </p:nvPr>
        </p:nvSpPr>
        <p:spPr>
          <a:xfrm>
            <a:off x="9176115" y="640627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8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0" name="OTLSHAPE_T_dfa71be245dd40dc813a5647f67204e4_Title"/>
          <p:cNvSpPr txBox="1"/>
          <p:nvPr>
            <p:custDataLst>
              <p:tags r:id="rId96"/>
            </p:custDataLst>
          </p:nvPr>
        </p:nvSpPr>
        <p:spPr>
          <a:xfrm>
            <a:off x="127000" y="6398531"/>
            <a:ext cx="331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onduct usability studies/pilot study with actual patient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947975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Questions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032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Motiv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Older adults often have difficulty with spatial memory and navigation.</a:t>
            </a:r>
          </a:p>
          <a:p>
            <a:r>
              <a:rPr lang="en-US" dirty="0" smtClean="0"/>
              <a:t>There is a test to help develop and assess these cognitive skills, but it’s currently a pencil-and-paper test.</a:t>
            </a:r>
          </a:p>
          <a:p>
            <a:r>
              <a:rPr lang="en-US" dirty="0" smtClean="0"/>
              <a:t>Digitizing this test would enable access by so many more individual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165028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Descrip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2279651"/>
            <a:ext cx="6654800" cy="3897312"/>
          </a:xfrm>
        </p:spPr>
        <p:txBody>
          <a:bodyPr>
            <a:normAutofit/>
          </a:bodyPr>
          <a:lstStyle/>
          <a:p>
            <a:r>
              <a:rPr lang="en-US" dirty="0" smtClean="0"/>
              <a:t>Create a web-based visuospatial cognitive training program</a:t>
            </a:r>
          </a:p>
          <a:p>
            <a:pPr lvl="1"/>
            <a:r>
              <a:rPr lang="en-US" dirty="0" smtClean="0"/>
              <a:t>Has 5 modules and progressively trains participants</a:t>
            </a:r>
          </a:p>
          <a:p>
            <a:r>
              <a:rPr lang="en-US" dirty="0" smtClean="0"/>
              <a:t>Custom-designed graphics and animations supplied by the Arts as Applied to Medicine Department</a:t>
            </a:r>
          </a:p>
          <a:p>
            <a:r>
              <a:rPr lang="en-US" dirty="0" smtClean="0"/>
              <a:t>Employ user experience design and </a:t>
            </a:r>
            <a:r>
              <a:rPr lang="en-US" dirty="0" err="1" smtClean="0"/>
              <a:t>gamification</a:t>
            </a:r>
            <a:r>
              <a:rPr lang="en-US" dirty="0" smtClean="0"/>
              <a:t> to enhance the tes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86700" y="1155700"/>
            <a:ext cx="3836511" cy="44267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63158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</a:t>
            </a:r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Allow elderly patients to self-administer cognitive visual/spatial training and testing</a:t>
            </a:r>
          </a:p>
          <a:p>
            <a:r>
              <a:rPr lang="en-US" dirty="0" smtClean="0"/>
              <a:t>Application should attempt to replicate current written test, while improving the ease with which physicians can collect, access, and monitor patient data</a:t>
            </a:r>
          </a:p>
          <a:p>
            <a:r>
              <a:rPr lang="en-US" dirty="0" smtClean="0"/>
              <a:t>HIPAA Complianc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85149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Use-Cas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Actors: Physicians, Patients</a:t>
            </a:r>
          </a:p>
          <a:p>
            <a:r>
              <a:rPr lang="en-US" dirty="0" smtClean="0"/>
              <a:t>Physician:</a:t>
            </a:r>
          </a:p>
          <a:p>
            <a:pPr lvl="1"/>
            <a:r>
              <a:rPr lang="en-US" dirty="0" smtClean="0"/>
              <a:t>Logs in, arrives at dashboard of patients</a:t>
            </a:r>
          </a:p>
          <a:p>
            <a:pPr lvl="1"/>
            <a:r>
              <a:rPr lang="en-US" dirty="0" smtClean="0"/>
              <a:t>Selects patient and views their testing history</a:t>
            </a:r>
          </a:p>
          <a:p>
            <a:r>
              <a:rPr lang="en-US" dirty="0" smtClean="0"/>
              <a:t>Patient:</a:t>
            </a:r>
          </a:p>
          <a:p>
            <a:pPr lvl="1"/>
            <a:r>
              <a:rPr lang="en-US" dirty="0" smtClean="0"/>
              <a:t>Logs in, arrives at dashboard of quiz modules</a:t>
            </a:r>
          </a:p>
          <a:p>
            <a:pPr lvl="1"/>
            <a:r>
              <a:rPr lang="en-US" dirty="0" smtClean="0"/>
              <a:t>Selects module, completes training, then test</a:t>
            </a:r>
          </a:p>
          <a:p>
            <a:pPr lvl="1"/>
            <a:r>
              <a:rPr lang="en-US" dirty="0" smtClean="0"/>
              <a:t>Also able to view their own testing history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07470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rchitectu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RESTful API backend</a:t>
            </a:r>
          </a:p>
          <a:p>
            <a:pPr lvl="1"/>
            <a:r>
              <a:rPr lang="en-US" dirty="0" smtClean="0"/>
              <a:t>Spring/Hibernate/H2(SQL)</a:t>
            </a:r>
          </a:p>
          <a:p>
            <a:r>
              <a:rPr lang="en-US" dirty="0" smtClean="0"/>
              <a:t>Platform agnostic web-app</a:t>
            </a:r>
          </a:p>
          <a:p>
            <a:pPr lvl="1"/>
            <a:r>
              <a:rPr lang="en-US" dirty="0" smtClean="0"/>
              <a:t>AngularJS</a:t>
            </a:r>
          </a:p>
          <a:p>
            <a:pPr lvl="1"/>
            <a:r>
              <a:rPr lang="en-US" dirty="0" err="1" smtClean="0"/>
              <a:t>Unsemantic</a:t>
            </a:r>
            <a:endParaRPr lang="en-US" dirty="0" smtClean="0"/>
          </a:p>
          <a:p>
            <a:pPr lvl="2"/>
            <a:r>
              <a:rPr lang="en-US" dirty="0" smtClean="0"/>
              <a:t>Responsive desig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6</a:t>
            </a:fld>
            <a:endParaRPr lang="en-US" dirty="0"/>
          </a:p>
        </p:txBody>
      </p:sp>
      <p:grpSp>
        <p:nvGrpSpPr>
          <p:cNvPr id="23" name="Group 22"/>
          <p:cNvGrpSpPr/>
          <p:nvPr/>
        </p:nvGrpSpPr>
        <p:grpSpPr>
          <a:xfrm>
            <a:off x="6226628" y="934539"/>
            <a:ext cx="3172846" cy="5604373"/>
            <a:chOff x="6226628" y="1043969"/>
            <a:chExt cx="3172846" cy="5604373"/>
          </a:xfrm>
        </p:grpSpPr>
        <p:sp>
          <p:nvSpPr>
            <p:cNvPr id="5" name="TextBox 4"/>
            <p:cNvSpPr txBox="1"/>
            <p:nvPr/>
          </p:nvSpPr>
          <p:spPr>
            <a:xfrm>
              <a:off x="6234599" y="2154273"/>
              <a:ext cx="315736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solidFill>
                    <a:schemeClr val="bg1">
                      <a:lumMod val="50000"/>
                    </a:schemeClr>
                  </a:solidFill>
                  <a:latin typeface="Corbel" panose="020B0503020204020204" pitchFamily="34" charset="0"/>
                </a:rPr>
                <a:t>Front-end</a:t>
              </a:r>
              <a:endParaRPr lang="en-US" b="1" dirty="0">
                <a:solidFill>
                  <a:schemeClr val="bg1">
                    <a:lumMod val="50000"/>
                  </a:schemeClr>
                </a:solidFill>
                <a:latin typeface="Corbel" panose="020B0503020204020204" pitchFamily="34" charset="0"/>
              </a:endParaRPr>
            </a:p>
          </p:txBody>
        </p:sp>
        <p:pic>
          <p:nvPicPr>
            <p:cNvPr id="1028" name="Picture 4" descr="https://spring.io/img/spring-by-pivotal.png"/>
            <p:cNvPicPr>
              <a:picLocks noChangeAspect="1" noChangeArrowheads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758203" y="3961596"/>
              <a:ext cx="2110152" cy="6858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0" name="Picture 6" descr="http://blog.skipper18.com/wp-content/uploads/2013/07/hibernate.png"/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569232" y="5033626"/>
              <a:ext cx="2471774" cy="6858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0" name="TextBox 9"/>
            <p:cNvSpPr txBox="1"/>
            <p:nvPr/>
          </p:nvSpPr>
          <p:spPr>
            <a:xfrm>
              <a:off x="6242114" y="3644519"/>
              <a:ext cx="315736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solidFill>
                    <a:schemeClr val="bg1">
                      <a:lumMod val="50000"/>
                    </a:schemeClr>
                  </a:solidFill>
                  <a:latin typeface="Corbel" panose="020B0503020204020204" pitchFamily="34" charset="0"/>
                </a:rPr>
                <a:t>Back-end</a:t>
              </a:r>
              <a:endParaRPr lang="en-US" b="1" dirty="0">
                <a:solidFill>
                  <a:schemeClr val="bg1">
                    <a:lumMod val="50000"/>
                  </a:schemeClr>
                </a:solidFill>
                <a:latin typeface="Corbel" panose="020B0503020204020204" pitchFamily="34" charset="0"/>
              </a:endParaRP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6226628" y="4706730"/>
              <a:ext cx="315736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solidFill>
                    <a:schemeClr val="bg1">
                      <a:lumMod val="50000"/>
                    </a:schemeClr>
                  </a:solidFill>
                  <a:latin typeface="Corbel" panose="020B0503020204020204" pitchFamily="34" charset="0"/>
                </a:rPr>
                <a:t>ORM</a:t>
              </a:r>
              <a:endParaRPr lang="en-US" b="1" dirty="0">
                <a:solidFill>
                  <a:schemeClr val="bg1">
                    <a:lumMod val="50000"/>
                  </a:schemeClr>
                </a:solidFill>
                <a:latin typeface="Corbel" panose="020B0503020204020204" pitchFamily="34" charset="0"/>
              </a:endParaRPr>
            </a:p>
          </p:txBody>
        </p:sp>
        <p:grpSp>
          <p:nvGrpSpPr>
            <p:cNvPr id="17" name="Group 16"/>
            <p:cNvGrpSpPr/>
            <p:nvPr/>
          </p:nvGrpSpPr>
          <p:grpSpPr>
            <a:xfrm>
              <a:off x="6924647" y="1435946"/>
              <a:ext cx="1764728" cy="685800"/>
              <a:chOff x="6940015" y="1528154"/>
              <a:chExt cx="1764728" cy="685800"/>
            </a:xfrm>
          </p:grpSpPr>
          <p:pic>
            <p:nvPicPr>
              <p:cNvPr id="1034" name="Picture 10" descr="https://www.mozilla.org/media/img/styleguide/identity/firefox/guidelines-logo.7ea045a4e288.png"/>
              <p:cNvPicPr>
                <a:picLocks noChangeAspect="1" noChangeArrowheads="1"/>
              </p:cNvPicPr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940015" y="1528154"/>
                <a:ext cx="673193" cy="6858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036" name="Picture 12" descr="http://img.talkandroid.com/uploads/2015/11/Chrome-Logo.png"/>
              <p:cNvPicPr>
                <a:picLocks noChangeAspect="1" noChangeArrowheads="1"/>
              </p:cNvPicPr>
              <p:nvPr/>
            </p:nvPicPr>
            <p:blipFill>
              <a:blip r:embed="rId6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018943" y="1528154"/>
                <a:ext cx="685800" cy="6858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16" name="TextBox 15"/>
            <p:cNvSpPr txBox="1"/>
            <p:nvPr/>
          </p:nvSpPr>
          <p:spPr>
            <a:xfrm>
              <a:off x="6234599" y="1043969"/>
              <a:ext cx="315736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solidFill>
                    <a:schemeClr val="bg1">
                      <a:lumMod val="50000"/>
                    </a:schemeClr>
                  </a:solidFill>
                  <a:latin typeface="Corbel" panose="020B0503020204020204" pitchFamily="34" charset="0"/>
                </a:rPr>
                <a:t>Client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6233885" y="5684349"/>
              <a:ext cx="315736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solidFill>
                    <a:schemeClr val="bg1">
                      <a:lumMod val="50000"/>
                    </a:schemeClr>
                  </a:solidFill>
                  <a:latin typeface="Corbel" panose="020B0503020204020204" pitchFamily="34" charset="0"/>
                </a:rPr>
                <a:t>Database</a:t>
              </a:r>
              <a:endParaRPr lang="en-US" b="1" dirty="0">
                <a:solidFill>
                  <a:schemeClr val="bg1">
                    <a:lumMod val="50000"/>
                  </a:schemeClr>
                </a:solidFill>
                <a:latin typeface="Corbel" panose="020B0503020204020204" pitchFamily="34" charset="0"/>
              </a:endParaRPr>
            </a:p>
          </p:txBody>
        </p:sp>
        <p:sp>
          <p:nvSpPr>
            <p:cNvPr id="9" name="Rectangle 8"/>
            <p:cNvSpPr/>
            <p:nvPr/>
          </p:nvSpPr>
          <p:spPr>
            <a:xfrm>
              <a:off x="7326305" y="6187825"/>
              <a:ext cx="957152" cy="460517"/>
            </a:xfrm>
            <a:prstGeom prst="rect">
              <a:avLst/>
            </a:prstGeom>
            <a:blipFill dpi="0" rotWithShape="1">
              <a:blip r:embed="rId7"/>
              <a:srcRect/>
              <a:stretch>
                <a:fillRect/>
              </a:stretch>
            </a:blip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22" name="Group 21"/>
            <p:cNvGrpSpPr/>
            <p:nvPr/>
          </p:nvGrpSpPr>
          <p:grpSpPr>
            <a:xfrm>
              <a:off x="6542461" y="2464004"/>
              <a:ext cx="2576384" cy="1072764"/>
              <a:chOff x="6542461" y="2294956"/>
              <a:chExt cx="2576384" cy="1072764"/>
            </a:xfrm>
          </p:grpSpPr>
          <p:pic>
            <p:nvPicPr>
              <p:cNvPr id="1026" name="Picture 2" descr="https://upload.wikimedia.org/wikipedia/commons/thumb/c/ca/AngularJS_logo.svg/695px-AngularJS_logo.svg.png"/>
              <p:cNvPicPr>
                <a:picLocks noChangeAspect="1" noChangeArrowheads="1"/>
              </p:cNvPicPr>
              <p:nvPr/>
            </p:nvPicPr>
            <p:blipFill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542461" y="2294956"/>
                <a:ext cx="2576384" cy="6858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21" name="Picture 20"/>
              <p:cNvPicPr>
                <a:picLocks noChangeAspect="1"/>
              </p:cNvPicPr>
              <p:nvPr/>
            </p:nvPicPr>
            <p:blipFill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768255" y="3064178"/>
                <a:ext cx="2124795" cy="303542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8048188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Tful API Specific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 smtClean="0"/>
              <a:t>REST endpoints are routes mapped to controllers</a:t>
            </a:r>
          </a:p>
          <a:p>
            <a:pPr lvl="1"/>
            <a:r>
              <a:rPr lang="en-US" dirty="0" smtClean="0"/>
              <a:t>Parameters are passed as JSON in the body of HTTP requests</a:t>
            </a:r>
          </a:p>
          <a:p>
            <a:r>
              <a:rPr lang="en-US" dirty="0" smtClean="0"/>
              <a:t>Example:</a:t>
            </a:r>
          </a:p>
          <a:p>
            <a:pPr lvl="1"/>
            <a:r>
              <a:rPr lang="en-US" dirty="0" smtClean="0"/>
              <a:t>User login endpoint</a:t>
            </a:r>
          </a:p>
          <a:p>
            <a:pPr lvl="2"/>
            <a:r>
              <a:rPr lang="en-US" dirty="0" smtClean="0"/>
              <a:t>Path: /</a:t>
            </a:r>
            <a:r>
              <a:rPr lang="en-US" dirty="0" err="1" smtClean="0"/>
              <a:t>api</a:t>
            </a:r>
            <a:r>
              <a:rPr lang="en-US" dirty="0" smtClean="0"/>
              <a:t>/user/login</a:t>
            </a:r>
          </a:p>
          <a:p>
            <a:pPr lvl="2"/>
            <a:r>
              <a:rPr lang="en-US" dirty="0" smtClean="0"/>
              <a:t>Method: POST</a:t>
            </a:r>
          </a:p>
          <a:p>
            <a:pPr lvl="2"/>
            <a:r>
              <a:rPr lang="en-US" dirty="0" smtClean="0"/>
              <a:t>Parameters: username [String], password [String]</a:t>
            </a:r>
          </a:p>
          <a:p>
            <a:pPr lvl="2"/>
            <a:r>
              <a:rPr lang="en-US" dirty="0" smtClean="0"/>
              <a:t>Success response:</a:t>
            </a:r>
          </a:p>
          <a:p>
            <a:pPr lvl="3"/>
            <a:r>
              <a:rPr lang="en-US" dirty="0" smtClean="0"/>
              <a:t>Code: 200</a:t>
            </a:r>
          </a:p>
          <a:p>
            <a:pPr lvl="3"/>
            <a:r>
              <a:rPr lang="en-US" dirty="0" smtClean="0"/>
              <a:t>{</a:t>
            </a:r>
            <a:br>
              <a:rPr lang="en-US" dirty="0" smtClean="0"/>
            </a:br>
            <a:r>
              <a:rPr lang="en-US" dirty="0" smtClean="0"/>
              <a:t>	“</a:t>
            </a:r>
            <a:r>
              <a:rPr lang="en-US" dirty="0" err="1" smtClean="0"/>
              <a:t>accessToken</a:t>
            </a:r>
            <a:r>
              <a:rPr lang="en-US" dirty="0" smtClean="0"/>
              <a:t>” : [String]</a:t>
            </a:r>
            <a:br>
              <a:rPr lang="en-US" dirty="0" smtClean="0"/>
            </a:br>
            <a:r>
              <a:rPr lang="en-US" dirty="0" smtClean="0"/>
              <a:t>}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189918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UML Class Diagram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8</a:t>
            </a:fld>
            <a:endParaRPr lang="en-US" dirty="0"/>
          </a:p>
        </p:txBody>
      </p:sp>
      <p:pic>
        <p:nvPicPr>
          <p:cNvPr id="1026" name="Picture 2" descr="http://puu.sh/niIu7/e177989427.png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96331" y="1687979"/>
            <a:ext cx="7708796" cy="57732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9396704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35193" y="1767588"/>
            <a:ext cx="6116491" cy="4778509"/>
          </a:xfr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UI Sketche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6E682-E9FD-46BD-B55C-BC25B56CF47D}" type="slidenum">
              <a:rPr lang="en-US" smtClean="0"/>
              <a:t>9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35192" y="1767588"/>
            <a:ext cx="6116491" cy="4778509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35191" y="1767588"/>
            <a:ext cx="6116492" cy="4778509"/>
          </a:xfrm>
          <a:prstGeom prst="rect">
            <a:avLst/>
          </a:prstGeom>
        </p:spPr>
      </p:pic>
      <p:sp>
        <p:nvSpPr>
          <p:cNvPr id="9" name="Content Placeholder 7"/>
          <p:cNvSpPr txBox="1">
            <a:spLocks/>
          </p:cNvSpPr>
          <p:nvPr/>
        </p:nvSpPr>
        <p:spPr>
          <a:xfrm>
            <a:off x="1729549" y="2253883"/>
            <a:ext cx="1085369" cy="57418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dirty="0"/>
              <a:t>L</a:t>
            </a:r>
            <a:r>
              <a:rPr lang="en-US" dirty="0" smtClean="0"/>
              <a:t>ogin</a:t>
            </a:r>
            <a:endParaRPr lang="en-US" dirty="0"/>
          </a:p>
        </p:txBody>
      </p:sp>
      <p:sp>
        <p:nvSpPr>
          <p:cNvPr id="10" name="Content Placeholder 7"/>
          <p:cNvSpPr txBox="1">
            <a:spLocks/>
          </p:cNvSpPr>
          <p:nvPr/>
        </p:nvSpPr>
        <p:spPr>
          <a:xfrm>
            <a:off x="833078" y="3545565"/>
            <a:ext cx="1981840" cy="8884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buNone/>
            </a:pPr>
            <a:r>
              <a:rPr lang="en-US" dirty="0" smtClean="0"/>
              <a:t>Physician</a:t>
            </a:r>
            <a:br>
              <a:rPr lang="en-US" dirty="0" smtClean="0"/>
            </a:br>
            <a:r>
              <a:rPr lang="en-US" dirty="0" smtClean="0"/>
              <a:t>Dashboard </a:t>
            </a:r>
            <a:endParaRPr lang="en-US" dirty="0"/>
          </a:p>
        </p:txBody>
      </p:sp>
      <p:sp>
        <p:nvSpPr>
          <p:cNvPr id="11" name="Content Placeholder 7"/>
          <p:cNvSpPr txBox="1">
            <a:spLocks/>
          </p:cNvSpPr>
          <p:nvPr/>
        </p:nvSpPr>
        <p:spPr>
          <a:xfrm>
            <a:off x="648020" y="5351045"/>
            <a:ext cx="2166898" cy="89692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002D90"/>
                </a:solidFill>
                <a:latin typeface="Corbel" panose="020B0503020204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buNone/>
            </a:pPr>
            <a:r>
              <a:rPr lang="en-US" dirty="0" smtClean="0"/>
              <a:t>Patient Dashboard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6282266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1"/>
      <p:bldP spid="10" grpId="0"/>
      <p:bldP spid="10" grpId="1"/>
      <p:bldP spid="11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96</TotalTime>
  <Words>695</Words>
  <Application>Microsoft Macintosh PowerPoint</Application>
  <PresentationFormat>Widescreen</PresentationFormat>
  <Paragraphs>189</Paragraphs>
  <Slides>16</Slides>
  <Notes>14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2" baseType="lpstr">
      <vt:lpstr>Aldus LT Roman</vt:lpstr>
      <vt:lpstr>Calibri</vt:lpstr>
      <vt:lpstr>Calibri Light</vt:lpstr>
      <vt:lpstr>Corbel</vt:lpstr>
      <vt:lpstr>Arial</vt:lpstr>
      <vt:lpstr>Office Theme</vt:lpstr>
      <vt:lpstr>Project 07: A Cognitive Training Quiz Application</vt:lpstr>
      <vt:lpstr>Project Motivation</vt:lpstr>
      <vt:lpstr>Project Description</vt:lpstr>
      <vt:lpstr>Requirements</vt:lpstr>
      <vt:lpstr>Use-Cases</vt:lpstr>
      <vt:lpstr>Architecture</vt:lpstr>
      <vt:lpstr>RESTful API Specification</vt:lpstr>
      <vt:lpstr>UML Class Diagram</vt:lpstr>
      <vt:lpstr>UI Sketches</vt:lpstr>
      <vt:lpstr>Deliverables</vt:lpstr>
      <vt:lpstr>Deliverables</vt:lpstr>
      <vt:lpstr>Dependencies</vt:lpstr>
      <vt:lpstr>HIPAA Compliance</vt:lpstr>
      <vt:lpstr>Management Plan</vt:lpstr>
      <vt:lpstr>PowerPoint Presentation</vt:lpstr>
      <vt:lpstr>Questions?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 Cognitive Training Quiz Application</dc:title>
  <dc:creator>Ran</dc:creator>
  <cp:lastModifiedBy>Nick Uebele</cp:lastModifiedBy>
  <cp:revision>151</cp:revision>
  <dcterms:created xsi:type="dcterms:W3CDTF">2016-02-18T23:22:49Z</dcterms:created>
  <dcterms:modified xsi:type="dcterms:W3CDTF">2016-02-25T04:43:08Z</dcterms:modified>
</cp:coreProperties>
</file>